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71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5400\data\製薬指導班\03 業務\業許可関係\02 化粧品･部外品製販業･製造業関係\HP\"/>
    </mc:Choice>
  </mc:AlternateContent>
  <xr:revisionPtr revIDLastSave="0" documentId="8_{9EAF639F-83D8-41B9-A42D-E00C03919983}" xr6:coauthVersionLast="47" xr6:coauthVersionMax="47" xr10:uidLastSave="{00000000-0000-0000-0000-000000000000}"/>
  <bookViews>
    <workbookView xWindow="-120" yWindow="-120" windowWidth="29040" windowHeight="15840" activeTab="2"/>
  </bookViews>
  <sheets>
    <sheet name="様式１" sheetId="10" r:id="rId1"/>
    <sheet name="様式２" sheetId="1" r:id="rId2"/>
    <sheet name="様式３" sheetId="11" r:id="rId3"/>
    <sheet name="Sheet2" sheetId="2" r:id="rId4"/>
    <sheet name="Sheet3" sheetId="3" r:id="rId5"/>
  </sheets>
  <definedNames>
    <definedName name="_xlnm.Print_Area" localSheetId="0">様式１!$A$1:$J$34</definedName>
    <definedName name="_xlnm.Print_Area" localSheetId="1">様式２!$A$1:$J$33</definedName>
    <definedName name="_xlnm.Print_Area" localSheetId="2">様式３!$A$1:$G$35</definedName>
    <definedName name="_xlnm.Print_Titles" localSheetId="0">様式１!$8:$12</definedName>
    <definedName name="_xlnm.Print_Titles" localSheetId="1">様式２!$6:$11</definedName>
    <definedName name="_xlnm.Print_Titles" localSheetId="2">様式３!$8:$13</definedName>
  </definedNames>
  <calcPr calcId="125725" fullCalcOnLoad="1"/>
</workbook>
</file>

<file path=xl/sharedStrings.xml><?xml version="1.0" encoding="utf-8"?>
<sst xmlns="http://schemas.openxmlformats.org/spreadsheetml/2006/main" count="66" uniqueCount="44">
  <si>
    <t>一般的名称</t>
    <rPh sb="0" eb="3">
      <t>イッパンテキ</t>
    </rPh>
    <rPh sb="3" eb="5">
      <t>メイショウ</t>
    </rPh>
    <phoneticPr fontId="1"/>
  </si>
  <si>
    <t>販売名</t>
    <rPh sb="0" eb="2">
      <t>ハンバイ</t>
    </rPh>
    <rPh sb="2" eb="3">
      <t>メイ</t>
    </rPh>
    <phoneticPr fontId="1"/>
  </si>
  <si>
    <t>名　称</t>
    <rPh sb="0" eb="1">
      <t>ナ</t>
    </rPh>
    <rPh sb="2" eb="3">
      <t>ショウ</t>
    </rPh>
    <phoneticPr fontId="1"/>
  </si>
  <si>
    <t>輸出用名称</t>
    <rPh sb="0" eb="3">
      <t>ユシュツヨウ</t>
    </rPh>
    <rPh sb="3" eb="5">
      <t>メイショウ</t>
    </rPh>
    <phoneticPr fontId="1"/>
  </si>
  <si>
    <t>承認番号
（承認年月日）</t>
    <rPh sb="6" eb="8">
      <t>ショウニン</t>
    </rPh>
    <rPh sb="8" eb="11">
      <t>ネンガッピ</t>
    </rPh>
    <phoneticPr fontId="1"/>
  </si>
  <si>
    <t>製造販売
業者名称</t>
    <rPh sb="0" eb="2">
      <t>セイゾウ</t>
    </rPh>
    <rPh sb="2" eb="4">
      <t>ハンバイ</t>
    </rPh>
    <rPh sb="5" eb="6">
      <t>ギョウ</t>
    </rPh>
    <rPh sb="6" eb="7">
      <t>シャ</t>
    </rPh>
    <rPh sb="7" eb="9">
      <t>メイショウ</t>
    </rPh>
    <phoneticPr fontId="1"/>
  </si>
  <si>
    <t>備考</t>
    <rPh sb="0" eb="2">
      <t>ビコウ</t>
    </rPh>
    <phoneticPr fontId="1"/>
  </si>
  <si>
    <t>当該原薬に関係する製造販売承認</t>
    <rPh sb="0" eb="2">
      <t>トウガイ</t>
    </rPh>
    <rPh sb="2" eb="4">
      <t>ゲンヤク</t>
    </rPh>
    <rPh sb="5" eb="7">
      <t>カンケイ</t>
    </rPh>
    <rPh sb="9" eb="11">
      <t>セイゾウ</t>
    </rPh>
    <rPh sb="11" eb="13">
      <t>ハンバイ</t>
    </rPh>
    <rPh sb="13" eb="15">
      <t>ショウニン</t>
    </rPh>
    <phoneticPr fontId="1"/>
  </si>
  <si>
    <t>承認（認証）年月日
又は
製造販売届
届出年月日</t>
    <rPh sb="0" eb="2">
      <t>ショウニン</t>
    </rPh>
    <rPh sb="3" eb="5">
      <t>ニンショウ</t>
    </rPh>
    <rPh sb="6" eb="9">
      <t>ネンガッピ</t>
    </rPh>
    <rPh sb="10" eb="11">
      <t>マタ</t>
    </rPh>
    <rPh sb="13" eb="15">
      <t>セイゾウ</t>
    </rPh>
    <rPh sb="15" eb="17">
      <t>ハンバイ</t>
    </rPh>
    <rPh sb="17" eb="18">
      <t>トドケ</t>
    </rPh>
    <rPh sb="19" eb="20">
      <t>トドケ</t>
    </rPh>
    <rPh sb="20" eb="21">
      <t>デ</t>
    </rPh>
    <rPh sb="21" eb="24">
      <t>ネンガッピ</t>
    </rPh>
    <phoneticPr fontId="1"/>
  </si>
  <si>
    <t>医薬品</t>
    <rPh sb="0" eb="3">
      <t>イヤクヒン</t>
    </rPh>
    <phoneticPr fontId="1"/>
  </si>
  <si>
    <t>医薬部外品</t>
    <rPh sb="0" eb="2">
      <t>イヤク</t>
    </rPh>
    <rPh sb="2" eb="5">
      <t>ブガイヒン</t>
    </rPh>
    <phoneticPr fontId="1"/>
  </si>
  <si>
    <t>化粧品</t>
    <rPh sb="0" eb="3">
      <t>ケショウヒン</t>
    </rPh>
    <phoneticPr fontId="1"/>
  </si>
  <si>
    <t>医療機器</t>
    <rPh sb="0" eb="2">
      <t>イリョウ</t>
    </rPh>
    <rPh sb="2" eb="4">
      <t>キキ</t>
    </rPh>
    <phoneticPr fontId="1"/>
  </si>
  <si>
    <t>原薬の名称</t>
    <rPh sb="0" eb="2">
      <t>ゲンヤク</t>
    </rPh>
    <rPh sb="3" eb="5">
      <t>メイショウ</t>
    </rPh>
    <phoneticPr fontId="1"/>
  </si>
  <si>
    <t>輸出用</t>
    <rPh sb="0" eb="3">
      <t>ユシュツヨウ</t>
    </rPh>
    <phoneticPr fontId="1"/>
  </si>
  <si>
    <t>製造品目一覧表</t>
    <rPh sb="0" eb="2">
      <t>セイゾウ</t>
    </rPh>
    <rPh sb="2" eb="4">
      <t>ヒンモク</t>
    </rPh>
    <rPh sb="4" eb="7">
      <t>イチランヒョウ</t>
    </rPh>
    <phoneticPr fontId="1"/>
  </si>
  <si>
    <t>医薬品製造品目一覧表（原薬）</t>
    <rPh sb="0" eb="3">
      <t>イヤクヒン</t>
    </rPh>
    <rPh sb="3" eb="5">
      <t>セイゾウ</t>
    </rPh>
    <rPh sb="5" eb="7">
      <t>ヒンモク</t>
    </rPh>
    <rPh sb="7" eb="10">
      <t>イチランヒョウ</t>
    </rPh>
    <rPh sb="11" eb="13">
      <t>ゲンヤク</t>
    </rPh>
    <phoneticPr fontId="1"/>
  </si>
  <si>
    <t>輸出届
届出年月日</t>
    <rPh sb="0" eb="2">
      <t>ユシュツ</t>
    </rPh>
    <rPh sb="2" eb="3">
      <t>トドケ</t>
    </rPh>
    <rPh sb="4" eb="6">
      <t>トドケデ</t>
    </rPh>
    <rPh sb="6" eb="9">
      <t>ネンガッピ</t>
    </rPh>
    <phoneticPr fontId="1"/>
  </si>
  <si>
    <t>製造所の名称(                               )</t>
    <rPh sb="0" eb="3">
      <t>セイゾウショ</t>
    </rPh>
    <rPh sb="4" eb="6">
      <t>メイショウ</t>
    </rPh>
    <phoneticPr fontId="1"/>
  </si>
  <si>
    <t>製造業許可番号　　（                              ）</t>
    <rPh sb="0" eb="2">
      <t>セイゾウ</t>
    </rPh>
    <rPh sb="2" eb="3">
      <t>ギョウ</t>
    </rPh>
    <rPh sb="3" eb="5">
      <t>キョカ</t>
    </rPh>
    <rPh sb="5" eb="7">
      <t>バンゴウ</t>
    </rPh>
    <phoneticPr fontId="1"/>
  </si>
  <si>
    <t>製造所の名称（                              ）</t>
    <rPh sb="0" eb="3">
      <t>セイゾウショ</t>
    </rPh>
    <rPh sb="4" eb="6">
      <t>メイショウ</t>
    </rPh>
    <phoneticPr fontId="1"/>
  </si>
  <si>
    <t>製造業許可番号　（                              ）</t>
    <rPh sb="0" eb="2">
      <t>セイゾウ</t>
    </rPh>
    <rPh sb="2" eb="3">
      <t>ギョウ</t>
    </rPh>
    <rPh sb="3" eb="5">
      <t>キョカ</t>
    </rPh>
    <rPh sb="5" eb="7">
      <t>バンゴウ</t>
    </rPh>
    <phoneticPr fontId="1"/>
  </si>
  <si>
    <t>GMP/QMS
適合性調査
結果通知書
交付年月日
（適合状況）</t>
    <rPh sb="8" eb="11">
      <t>テキゴウセイ</t>
    </rPh>
    <rPh sb="11" eb="13">
      <t>チョウサ</t>
    </rPh>
    <rPh sb="14" eb="16">
      <t>ケッカ</t>
    </rPh>
    <rPh sb="16" eb="19">
      <t>ツウチショ</t>
    </rPh>
    <rPh sb="20" eb="22">
      <t>コウフ</t>
    </rPh>
    <rPh sb="22" eb="25">
      <t>ネンガッピ</t>
    </rPh>
    <rPh sb="27" eb="29">
      <t>テキゴウ</t>
    </rPh>
    <rPh sb="29" eb="31">
      <t>ジョウキョウ</t>
    </rPh>
    <phoneticPr fontId="1"/>
  </si>
  <si>
    <t>GMP/QMS
適合性調査
結果通知書
交付年月日
(適合状況)</t>
    <rPh sb="8" eb="11">
      <t>テキゴウセイ</t>
    </rPh>
    <rPh sb="11" eb="13">
      <t>チョウサ</t>
    </rPh>
    <rPh sb="14" eb="16">
      <t>ケッカ</t>
    </rPh>
    <rPh sb="16" eb="19">
      <t>ツウチショ</t>
    </rPh>
    <phoneticPr fontId="1"/>
  </si>
  <si>
    <t>GMP/QMS
適合性調査
結果通知書
交付年月日
（適合状況）</t>
    <rPh sb="8" eb="11">
      <t>テキゴウセイ</t>
    </rPh>
    <rPh sb="11" eb="13">
      <t>チョウサ</t>
    </rPh>
    <rPh sb="14" eb="16">
      <t>ケッカ</t>
    </rPh>
    <rPh sb="16" eb="19">
      <t>ツウチショ</t>
    </rPh>
    <phoneticPr fontId="1"/>
  </si>
  <si>
    <t>製造業許可番号（                              ）</t>
    <rPh sb="0" eb="2">
      <t>セイゾウ</t>
    </rPh>
    <rPh sb="2" eb="3">
      <t>ギョウ</t>
    </rPh>
    <rPh sb="3" eb="5">
      <t>キョカ</t>
    </rPh>
    <rPh sb="5" eb="7">
      <t>バンゴウ</t>
    </rPh>
    <phoneticPr fontId="1"/>
  </si>
  <si>
    <t>No.</t>
    <phoneticPr fontId="1"/>
  </si>
  <si>
    <t>原薬等
登録原簿
登録番号
(登録年月日)</t>
    <rPh sb="0" eb="2">
      <t>ゲンヤク</t>
    </rPh>
    <rPh sb="2" eb="3">
      <t>トウ</t>
    </rPh>
    <rPh sb="4" eb="6">
      <t>トウロク</t>
    </rPh>
    <rPh sb="6" eb="8">
      <t>ゲンボ</t>
    </rPh>
    <rPh sb="9" eb="11">
      <t>トウロク</t>
    </rPh>
    <rPh sb="11" eb="13">
      <t>バンゴウ</t>
    </rPh>
    <rPh sb="15" eb="17">
      <t>トウロク</t>
    </rPh>
    <rPh sb="17" eb="20">
      <t>ネンガッピ</t>
    </rPh>
    <phoneticPr fontId="1"/>
  </si>
  <si>
    <t>原薬名称</t>
    <rPh sb="0" eb="2">
      <t>ゲンヤク</t>
    </rPh>
    <rPh sb="2" eb="4">
      <t>メイショウ</t>
    </rPh>
    <phoneticPr fontId="1"/>
  </si>
  <si>
    <t>様式１</t>
    <rPh sb="0" eb="2">
      <t>ヨウシキ</t>
    </rPh>
    <phoneticPr fontId="1"/>
  </si>
  <si>
    <t>様式２</t>
    <rPh sb="0" eb="2">
      <t>ヨウシキ</t>
    </rPh>
    <phoneticPr fontId="1"/>
  </si>
  <si>
    <t>様式３</t>
    <rPh sb="0" eb="2">
      <t>ヨウシキ</t>
    </rPh>
    <phoneticPr fontId="1"/>
  </si>
  <si>
    <t>※原薬等登録原簿に登録していない原薬については、該当する製造販売承認について記載すること。
※適合性調査未実施の場合は、調査予定年月について記載すること。
※適合性調査実施対象外品目の場合は、その理由を備考欄に記載すること。（例：GMP適用外医薬品、化粧品等）
※同一製造所で原薬から製剤まで一貫製造を行う品目については、備考欄に「製剤名」を記載すること。</t>
    <rPh sb="64" eb="66">
      <t>ネンゲツ</t>
    </rPh>
    <rPh sb="101" eb="103">
      <t>ビコウ</t>
    </rPh>
    <rPh sb="138" eb="140">
      <t>ゲンヤク</t>
    </rPh>
    <phoneticPr fontId="1"/>
  </si>
  <si>
    <t>※適合性調査未実施の場合は、調査予定年月について記載すること。
※適合性調査実施対象外品目の場合は、その理由を備考欄に記載すること。（例：GMP適用外医薬品、化粧品等）</t>
    <rPh sb="18" eb="20">
      <t>ネンゲツ</t>
    </rPh>
    <rPh sb="55" eb="57">
      <t>ビコウ</t>
    </rPh>
    <phoneticPr fontId="1"/>
  </si>
  <si>
    <t>①無菌（滅菌）</t>
    <phoneticPr fontId="1"/>
  </si>
  <si>
    <t xml:space="preserve">②一般   </t>
    <phoneticPr fontId="1"/>
  </si>
  <si>
    <t>③包装表示保管</t>
    <phoneticPr fontId="1"/>
  </si>
  <si>
    <t>①無菌</t>
    <phoneticPr fontId="1"/>
  </si>
  <si>
    <t xml:space="preserve">②一般     </t>
    <phoneticPr fontId="1"/>
  </si>
  <si>
    <t>※製造販売承認（認証）を要しない医薬品等については、承認（認証）年月日の欄に製造販売届の届出年月日を記載すること。
※適合性調査未実施の場合は、調査予定年月を記載すること。
※適合性調査実施対象外品目の場合は、その理由を備考欄に記載すること。（例：GMP適用外医薬品、化粧品等）
※原薬については、原薬用の一覧表に記載すること。
※同一製造所で原薬から製剤まで一貫製造を行う品目については、備考欄に「原薬名」を記載すること。
※医療機器については、備考欄にクラス分類を記載すること。</t>
    <rPh sb="59" eb="62">
      <t>テキゴウセイ</t>
    </rPh>
    <rPh sb="62" eb="64">
      <t>チョウサ</t>
    </rPh>
    <rPh sb="64" eb="67">
      <t>ミジッシ</t>
    </rPh>
    <rPh sb="68" eb="70">
      <t>バアイ</t>
    </rPh>
    <rPh sb="72" eb="74">
      <t>チョウサ</t>
    </rPh>
    <rPh sb="74" eb="76">
      <t>ヨテイ</t>
    </rPh>
    <rPh sb="76" eb="78">
      <t>ネンゲツ</t>
    </rPh>
    <rPh sb="79" eb="81">
      <t>キサイ</t>
    </rPh>
    <rPh sb="110" eb="112">
      <t>ビコウ</t>
    </rPh>
    <phoneticPr fontId="1"/>
  </si>
  <si>
    <t xml:space="preserve">
承認（認証）番号
又は
製造販売届出番号</t>
    <rPh sb="2" eb="4">
      <t>ショウニン</t>
    </rPh>
    <rPh sb="5" eb="7">
      <t>ニンショウ</t>
    </rPh>
    <rPh sb="8" eb="10">
      <t>バンゴウ</t>
    </rPh>
    <rPh sb="11" eb="12">
      <t>マタ</t>
    </rPh>
    <rPh sb="14" eb="16">
      <t>セイゾウ</t>
    </rPh>
    <rPh sb="16" eb="18">
      <t>ハンバイ</t>
    </rPh>
    <rPh sb="18" eb="20">
      <t>トドケデ</t>
    </rPh>
    <rPh sb="20" eb="22">
      <t>バンゴウ</t>
    </rPh>
    <phoneticPr fontId="1"/>
  </si>
  <si>
    <t>製造業に係る
許可区分</t>
    <rPh sb="0" eb="2">
      <t>セイゾウ</t>
    </rPh>
    <rPh sb="2" eb="3">
      <t>ギョウ</t>
    </rPh>
    <rPh sb="4" eb="5">
      <t>カカ</t>
    </rPh>
    <rPh sb="7" eb="9">
      <t>キョカ</t>
    </rPh>
    <rPh sb="9" eb="11">
      <t>クブン</t>
    </rPh>
    <phoneticPr fontId="1"/>
  </si>
  <si>
    <t>　　年　月　日　現在</t>
    <rPh sb="2" eb="3">
      <t>ネン</t>
    </rPh>
    <rPh sb="4" eb="5">
      <t>ガツ</t>
    </rPh>
    <rPh sb="6" eb="7">
      <t>ニチ</t>
    </rPh>
    <rPh sb="8" eb="10">
      <t>ゲンザイ</t>
    </rPh>
    <phoneticPr fontId="1"/>
  </si>
  <si>
    <t>　　年　月　日　現在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明朝"/>
      <family val="1"/>
      <charset val="128"/>
    </font>
    <font>
      <sz val="16"/>
      <name val="ＭＳ Ｐ明朝"/>
      <family val="1"/>
      <charset val="128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  <font>
      <sz val="1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72">
    <xf numFmtId="0" fontId="0" fillId="0" borderId="0" xfId="0">
      <alignment vertical="center"/>
    </xf>
    <xf numFmtId="0" fontId="2" fillId="0" borderId="0" xfId="0" applyFont="1" applyAlignment="1">
      <alignment horizontal="center"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left" vertical="center"/>
    </xf>
    <xf numFmtId="0" fontId="5" fillId="0" borderId="1" xfId="0" applyFont="1" applyBorder="1" applyAlignment="1">
      <alignment horizontal="center" vertical="center"/>
    </xf>
    <xf numFmtId="0" fontId="5" fillId="0" borderId="1" xfId="0" applyFont="1" applyBorder="1">
      <alignment vertical="center"/>
    </xf>
    <xf numFmtId="0" fontId="4" fillId="0" borderId="0" xfId="0" applyFont="1" applyAlignment="1">
      <alignment vertical="center"/>
    </xf>
    <xf numFmtId="0" fontId="2" fillId="0" borderId="0" xfId="0" applyFont="1" applyAlignment="1">
      <alignment vertical="center"/>
    </xf>
    <xf numFmtId="0" fontId="2" fillId="0" borderId="0" xfId="0" applyFont="1" applyBorder="1" applyAlignment="1">
      <alignment horizontal="center" vertical="top"/>
    </xf>
    <xf numFmtId="0" fontId="2" fillId="0" borderId="0" xfId="0" applyFont="1" applyBorder="1" applyAlignment="1">
      <alignment horizontal="center" vertical="center"/>
    </xf>
    <xf numFmtId="0" fontId="2" fillId="0" borderId="0" xfId="0" applyFont="1" applyBorder="1">
      <alignment vertical="center"/>
    </xf>
    <xf numFmtId="0" fontId="5" fillId="0" borderId="2" xfId="0" applyFont="1" applyBorder="1">
      <alignment vertical="center"/>
    </xf>
    <xf numFmtId="0" fontId="5" fillId="0" borderId="1" xfId="0" applyFont="1" applyBorder="1" applyAlignment="1">
      <alignment vertical="center" wrapText="1"/>
    </xf>
    <xf numFmtId="0" fontId="5" fillId="0" borderId="2" xfId="0" applyFont="1" applyBorder="1" applyAlignment="1">
      <alignment vertical="center" wrapText="1"/>
    </xf>
    <xf numFmtId="14" fontId="5" fillId="0" borderId="1" xfId="0" applyNumberFormat="1" applyFont="1" applyBorder="1" applyAlignment="1">
      <alignment vertical="center" wrapText="1"/>
    </xf>
    <xf numFmtId="0" fontId="5" fillId="0" borderId="1" xfId="0" applyFont="1" applyBorder="1" applyAlignment="1">
      <alignment horizontal="center" vertical="top" wrapText="1"/>
    </xf>
    <xf numFmtId="0" fontId="4" fillId="0" borderId="3" xfId="0" applyFont="1" applyFill="1" applyBorder="1" applyAlignment="1">
      <alignment horizontal="center" vertical="center" wrapText="1"/>
    </xf>
    <xf numFmtId="0" fontId="4" fillId="0" borderId="4" xfId="0" applyFont="1" applyFill="1" applyBorder="1" applyAlignment="1">
      <alignment horizontal="left" vertical="center" wrapText="1"/>
    </xf>
    <xf numFmtId="0" fontId="4" fillId="0" borderId="2" xfId="0" applyFont="1" applyFill="1" applyBorder="1" applyAlignment="1">
      <alignment horizontal="left" vertical="center" wrapText="1"/>
    </xf>
    <xf numFmtId="0" fontId="5" fillId="0" borderId="0" xfId="0" applyFont="1" applyBorder="1" applyAlignment="1">
      <alignment horizontal="center" vertical="center"/>
    </xf>
    <xf numFmtId="0" fontId="5" fillId="0" borderId="0" xfId="0" applyFont="1" applyBorder="1">
      <alignment vertical="center"/>
    </xf>
    <xf numFmtId="0" fontId="5" fillId="0" borderId="0" xfId="0" applyFont="1" applyBorder="1" applyAlignment="1">
      <alignment vertical="center"/>
    </xf>
    <xf numFmtId="0" fontId="5" fillId="0" borderId="5" xfId="0" applyFont="1" applyBorder="1" applyAlignment="1">
      <alignment vertical="center"/>
    </xf>
    <xf numFmtId="0" fontId="5" fillId="0" borderId="6" xfId="0" applyFont="1" applyBorder="1" applyAlignment="1">
      <alignment vertical="center"/>
    </xf>
    <xf numFmtId="0" fontId="4" fillId="0" borderId="3" xfId="0" applyFont="1" applyFill="1" applyBorder="1" applyAlignment="1">
      <alignment horizontal="center" vertical="center" wrapText="1"/>
    </xf>
    <xf numFmtId="0" fontId="4" fillId="0" borderId="4" xfId="0" applyFont="1" applyFill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left" vertical="center" wrapText="1"/>
    </xf>
    <xf numFmtId="0" fontId="4" fillId="0" borderId="0" xfId="0" applyFont="1" applyAlignment="1">
      <alignment horizontal="left" vertical="center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4" fillId="0" borderId="1" xfId="0" applyFont="1" applyFill="1" applyBorder="1" applyAlignment="1">
      <alignment horizontal="center" vertical="center" wrapText="1"/>
    </xf>
    <xf numFmtId="0" fontId="4" fillId="0" borderId="3" xfId="0" applyFont="1" applyFill="1" applyBorder="1" applyAlignment="1">
      <alignment horizontal="center" vertical="center"/>
    </xf>
    <xf numFmtId="0" fontId="4" fillId="0" borderId="4" xfId="0" applyFont="1" applyFill="1" applyBorder="1" applyAlignment="1">
      <alignment horizontal="center" vertical="center"/>
    </xf>
    <xf numFmtId="0" fontId="4" fillId="0" borderId="2" xfId="0" applyFont="1" applyFill="1" applyBorder="1" applyAlignment="1">
      <alignment horizontal="center" vertical="center"/>
    </xf>
    <xf numFmtId="0" fontId="2" fillId="0" borderId="0" xfId="0" applyFont="1" applyAlignment="1">
      <alignment horizontal="left" vertical="center"/>
    </xf>
    <xf numFmtId="0" fontId="4" fillId="0" borderId="5" xfId="0" applyFont="1" applyFill="1" applyBorder="1" applyAlignment="1">
      <alignment horizontal="center" vertical="center" wrapText="1"/>
    </xf>
    <xf numFmtId="0" fontId="4" fillId="0" borderId="3" xfId="0" applyFont="1" applyFill="1" applyBorder="1" applyAlignment="1">
      <alignment horizontal="center" vertical="top" wrapText="1"/>
    </xf>
    <xf numFmtId="0" fontId="4" fillId="0" borderId="4" xfId="0" applyFont="1" applyFill="1" applyBorder="1" applyAlignment="1">
      <alignment horizontal="center" vertical="top" wrapText="1"/>
    </xf>
    <xf numFmtId="0" fontId="4" fillId="0" borderId="2" xfId="0" applyFont="1" applyFill="1" applyBorder="1" applyAlignment="1">
      <alignment horizontal="center" vertical="top" wrapText="1"/>
    </xf>
    <xf numFmtId="0" fontId="3" fillId="0" borderId="0" xfId="0" applyFont="1" applyAlignment="1">
      <alignment horizontal="left" vertical="center"/>
    </xf>
    <xf numFmtId="0" fontId="6" fillId="0" borderId="0" xfId="0" applyFont="1" applyAlignment="1">
      <alignment horizontal="left" vertical="center"/>
    </xf>
    <xf numFmtId="0" fontId="4" fillId="0" borderId="2" xfId="0" applyFont="1" applyFill="1" applyBorder="1" applyAlignment="1">
      <alignment horizontal="center" vertical="center" wrapText="1"/>
    </xf>
    <xf numFmtId="0" fontId="3" fillId="0" borderId="0" xfId="0" applyFont="1" applyAlignment="1">
      <alignment vertical="center"/>
    </xf>
    <xf numFmtId="0" fontId="4" fillId="0" borderId="7" xfId="0" applyFont="1" applyFill="1" applyBorder="1" applyAlignment="1">
      <alignment horizontal="center" vertical="center" wrapText="1"/>
    </xf>
    <xf numFmtId="0" fontId="0" fillId="0" borderId="8" xfId="0" applyBorder="1" applyAlignment="1">
      <alignment horizontal="center" vertical="center" wrapText="1"/>
    </xf>
    <xf numFmtId="0" fontId="4" fillId="0" borderId="9" xfId="0" applyFont="1" applyFill="1" applyBorder="1" applyAlignment="1">
      <alignment horizontal="center" vertical="center" wrapText="1"/>
    </xf>
    <xf numFmtId="0" fontId="0" fillId="0" borderId="10" xfId="0" applyBorder="1" applyAlignment="1">
      <alignment horizontal="center" vertical="center" wrapText="1"/>
    </xf>
    <xf numFmtId="0" fontId="0" fillId="0" borderId="11" xfId="0" applyBorder="1" applyAlignment="1">
      <alignment horizontal="center" vertical="center" wrapText="1"/>
    </xf>
    <xf numFmtId="0" fontId="0" fillId="0" borderId="12" xfId="0" applyBorder="1" applyAlignment="1">
      <alignment horizontal="center" vertical="center" wrapText="1"/>
    </xf>
    <xf numFmtId="0" fontId="4" fillId="0" borderId="3" xfId="0" applyFont="1" applyFill="1" applyBorder="1" applyAlignment="1">
      <alignment horizontal="center" vertical="center" wrapText="1" shrinkToFit="1"/>
    </xf>
    <xf numFmtId="0" fontId="4" fillId="0" borderId="4" xfId="0" applyFont="1" applyFill="1" applyBorder="1" applyAlignment="1">
      <alignment horizontal="center" vertical="center" wrapText="1" shrinkToFit="1"/>
    </xf>
    <xf numFmtId="0" fontId="4" fillId="0" borderId="2" xfId="0" applyFont="1" applyFill="1" applyBorder="1" applyAlignment="1">
      <alignment horizontal="center" vertical="center" shrinkToFit="1"/>
    </xf>
    <xf numFmtId="0" fontId="2" fillId="0" borderId="2" xfId="0" applyFont="1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0" xfId="0" applyAlignment="1">
      <alignment horizontal="left" vertical="center"/>
    </xf>
    <xf numFmtId="0" fontId="3" fillId="0" borderId="0" xfId="0" applyFont="1" applyAlignment="1">
      <alignment horizontal="center" vertical="center"/>
    </xf>
    <xf numFmtId="0" fontId="4" fillId="0" borderId="1" xfId="0" applyFont="1" applyFill="1" applyBorder="1" applyAlignment="1">
      <alignment horizontal="center" vertical="center"/>
    </xf>
    <xf numFmtId="0" fontId="3" fillId="0" borderId="0" xfId="0" applyFont="1" applyAlignment="1">
      <alignment horizontal="right"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 wrapText="1"/>
    </xf>
    <xf numFmtId="0" fontId="5" fillId="0" borderId="5" xfId="0" applyFont="1" applyFill="1" applyBorder="1" applyAlignment="1">
      <alignment horizontal="center" vertical="center" wrapText="1"/>
    </xf>
    <xf numFmtId="0" fontId="5" fillId="0" borderId="3" xfId="0" applyFont="1" applyFill="1" applyBorder="1" applyAlignment="1">
      <alignment horizontal="center" vertical="center" wrapText="1"/>
    </xf>
    <xf numFmtId="0" fontId="5" fillId="0" borderId="4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5"/>
  </sheetPr>
  <dimension ref="A1:K46"/>
  <sheetViews>
    <sheetView view="pageBreakPreview" zoomScale="60" zoomScaleNormal="70" workbookViewId="0">
      <selection activeCell="M11" sqref="M11"/>
    </sheetView>
  </sheetViews>
  <sheetFormatPr defaultRowHeight="14.25" x14ac:dyDescent="0.15"/>
  <cols>
    <col min="1" max="1" width="3.5" style="1" customWidth="1"/>
    <col min="2" max="2" width="16.25" style="2" customWidth="1"/>
    <col min="3" max="3" width="16.75" style="2" customWidth="1"/>
    <col min="4" max="4" width="16.25" style="2" customWidth="1"/>
    <col min="5" max="5" width="17" style="2" customWidth="1"/>
    <col min="6" max="6" width="16.375" style="2" customWidth="1"/>
    <col min="7" max="7" width="6.25" style="2" customWidth="1"/>
    <col min="8" max="8" width="11.375" style="2" customWidth="1"/>
    <col min="9" max="9" width="13.75" style="2" customWidth="1"/>
    <col min="10" max="10" width="13.5" style="2" customWidth="1"/>
    <col min="11" max="16384" width="9" style="2"/>
  </cols>
  <sheetData>
    <row r="1" spans="1:11" ht="22.5" customHeight="1" x14ac:dyDescent="0.15">
      <c r="A1" s="43" t="s">
        <v>29</v>
      </c>
      <c r="B1" s="44"/>
    </row>
    <row r="2" spans="1:11" ht="16.5" customHeight="1" x14ac:dyDescent="0.15">
      <c r="I2" s="31" t="s">
        <v>42</v>
      </c>
      <c r="J2" s="31"/>
    </row>
    <row r="3" spans="1:11" ht="18.75" x14ac:dyDescent="0.15">
      <c r="E3" s="3" t="s">
        <v>9</v>
      </c>
      <c r="F3" s="46" t="s">
        <v>15</v>
      </c>
      <c r="G3" s="46"/>
    </row>
    <row r="4" spans="1:11" ht="18.75" x14ac:dyDescent="0.15">
      <c r="E4" s="3" t="s">
        <v>10</v>
      </c>
      <c r="F4" s="46"/>
      <c r="G4" s="46"/>
    </row>
    <row r="5" spans="1:11" ht="18.75" x14ac:dyDescent="0.15">
      <c r="E5" s="3" t="s">
        <v>11</v>
      </c>
      <c r="F5" s="46"/>
      <c r="G5" s="46"/>
    </row>
    <row r="6" spans="1:11" ht="18.75" x14ac:dyDescent="0.15">
      <c r="E6" s="3" t="s">
        <v>12</v>
      </c>
      <c r="F6" s="46"/>
      <c r="G6" s="46"/>
      <c r="I6" s="32"/>
      <c r="J6" s="32"/>
    </row>
    <row r="7" spans="1:11" ht="8.25" customHeight="1" x14ac:dyDescent="0.15">
      <c r="I7" s="4"/>
      <c r="J7" s="4"/>
    </row>
    <row r="8" spans="1:11" ht="21.75" customHeight="1" x14ac:dyDescent="0.15">
      <c r="B8" s="32" t="s">
        <v>20</v>
      </c>
      <c r="C8" s="33"/>
      <c r="D8" s="33"/>
      <c r="E8" s="5"/>
      <c r="F8" s="38" t="s">
        <v>21</v>
      </c>
      <c r="G8" s="38"/>
      <c r="H8" s="38"/>
      <c r="I8" s="38"/>
    </row>
    <row r="9" spans="1:11" ht="33" customHeight="1" x14ac:dyDescent="0.15">
      <c r="A9" s="35" t="s">
        <v>26</v>
      </c>
      <c r="B9" s="34" t="s">
        <v>2</v>
      </c>
      <c r="C9" s="39"/>
      <c r="D9" s="18" t="s">
        <v>41</v>
      </c>
      <c r="E9" s="40" t="s">
        <v>40</v>
      </c>
      <c r="F9" s="26" t="s">
        <v>8</v>
      </c>
      <c r="G9" s="47" t="s">
        <v>5</v>
      </c>
      <c r="H9" s="48"/>
      <c r="I9" s="26" t="s">
        <v>22</v>
      </c>
      <c r="J9" s="34" t="s">
        <v>6</v>
      </c>
    </row>
    <row r="10" spans="1:11" ht="22.5" customHeight="1" x14ac:dyDescent="0.15">
      <c r="A10" s="36"/>
      <c r="B10" s="26" t="s">
        <v>0</v>
      </c>
      <c r="C10" s="26" t="s">
        <v>1</v>
      </c>
      <c r="D10" s="19" t="s">
        <v>34</v>
      </c>
      <c r="E10" s="41"/>
      <c r="F10" s="27"/>
      <c r="G10" s="49"/>
      <c r="H10" s="50"/>
      <c r="I10" s="27"/>
      <c r="J10" s="34"/>
    </row>
    <row r="11" spans="1:11" ht="18" customHeight="1" x14ac:dyDescent="0.15">
      <c r="A11" s="36"/>
      <c r="B11" s="27"/>
      <c r="C11" s="27"/>
      <c r="D11" s="19" t="s">
        <v>38</v>
      </c>
      <c r="E11" s="41"/>
      <c r="F11" s="27"/>
      <c r="G11" s="49"/>
      <c r="H11" s="50"/>
      <c r="I11" s="27"/>
      <c r="J11" s="34"/>
    </row>
    <row r="12" spans="1:11" ht="21" customHeight="1" x14ac:dyDescent="0.15">
      <c r="A12" s="37"/>
      <c r="B12" s="28"/>
      <c r="C12" s="28"/>
      <c r="D12" s="20" t="s">
        <v>36</v>
      </c>
      <c r="E12" s="42"/>
      <c r="F12" s="45"/>
      <c r="G12" s="51"/>
      <c r="H12" s="52"/>
      <c r="I12" s="45"/>
      <c r="J12" s="34"/>
    </row>
    <row r="13" spans="1:11" ht="42.95" customHeight="1" x14ac:dyDescent="0.15">
      <c r="A13" s="6">
        <v>1</v>
      </c>
      <c r="B13" s="7"/>
      <c r="C13" s="7"/>
      <c r="D13" s="15"/>
      <c r="E13" s="7"/>
      <c r="F13" s="7"/>
      <c r="G13" s="24"/>
      <c r="H13" s="25"/>
      <c r="I13" s="7"/>
      <c r="J13" s="7"/>
    </row>
    <row r="14" spans="1:11" ht="42.95" customHeight="1" x14ac:dyDescent="0.15">
      <c r="A14" s="6">
        <v>2</v>
      </c>
      <c r="B14" s="7"/>
      <c r="C14" s="7"/>
      <c r="D14" s="7"/>
      <c r="E14" s="7"/>
      <c r="F14" s="7"/>
      <c r="G14" s="24"/>
      <c r="H14" s="25"/>
      <c r="I14" s="7"/>
      <c r="J14" s="7"/>
    </row>
    <row r="15" spans="1:11" ht="42.95" customHeight="1" x14ac:dyDescent="0.15">
      <c r="A15" s="6">
        <v>3</v>
      </c>
      <c r="B15" s="7"/>
      <c r="C15" s="7"/>
      <c r="D15" s="7"/>
      <c r="E15" s="7"/>
      <c r="F15" s="7"/>
      <c r="G15" s="24"/>
      <c r="H15" s="25"/>
      <c r="I15" s="7"/>
      <c r="J15" s="7"/>
      <c r="K15" s="10"/>
    </row>
    <row r="16" spans="1:11" ht="42.95" customHeight="1" x14ac:dyDescent="0.15">
      <c r="A16" s="6">
        <v>4</v>
      </c>
      <c r="B16" s="7"/>
      <c r="C16" s="7"/>
      <c r="D16" s="7"/>
      <c r="E16" s="7"/>
      <c r="F16" s="7"/>
      <c r="G16" s="24"/>
      <c r="H16" s="25"/>
      <c r="I16" s="7"/>
      <c r="J16" s="7"/>
      <c r="K16" s="10"/>
    </row>
    <row r="17" spans="1:10" ht="42.95" customHeight="1" x14ac:dyDescent="0.15">
      <c r="A17" s="6">
        <v>5</v>
      </c>
      <c r="B17" s="7"/>
      <c r="C17" s="7"/>
      <c r="D17" s="7"/>
      <c r="E17" s="7"/>
      <c r="F17" s="7"/>
      <c r="G17" s="24"/>
      <c r="H17" s="25"/>
      <c r="I17" s="7"/>
      <c r="J17" s="7"/>
    </row>
    <row r="18" spans="1:10" ht="42.95" customHeight="1" x14ac:dyDescent="0.15">
      <c r="A18" s="6">
        <v>6</v>
      </c>
      <c r="B18" s="7"/>
      <c r="C18" s="7"/>
      <c r="D18" s="7"/>
      <c r="E18" s="7"/>
      <c r="F18" s="7"/>
      <c r="G18" s="24"/>
      <c r="H18" s="25"/>
      <c r="I18" s="7"/>
      <c r="J18" s="7"/>
    </row>
    <row r="19" spans="1:10" ht="42.95" customHeight="1" x14ac:dyDescent="0.15">
      <c r="A19" s="6">
        <v>7</v>
      </c>
      <c r="B19" s="7"/>
      <c r="C19" s="7"/>
      <c r="D19" s="7"/>
      <c r="E19" s="7"/>
      <c r="F19" s="7"/>
      <c r="G19" s="24"/>
      <c r="H19" s="25"/>
      <c r="I19" s="7"/>
      <c r="J19" s="7"/>
    </row>
    <row r="20" spans="1:10" ht="42.95" customHeight="1" x14ac:dyDescent="0.15">
      <c r="A20" s="6">
        <v>8</v>
      </c>
      <c r="B20" s="7"/>
      <c r="C20" s="7"/>
      <c r="D20" s="7"/>
      <c r="E20" s="7"/>
      <c r="F20" s="7"/>
      <c r="G20" s="24"/>
      <c r="H20" s="25"/>
      <c r="I20" s="7"/>
      <c r="J20" s="7"/>
    </row>
    <row r="21" spans="1:10" ht="42.95" customHeight="1" x14ac:dyDescent="0.15">
      <c r="A21" s="6">
        <v>9</v>
      </c>
      <c r="B21" s="7"/>
      <c r="C21" s="7"/>
      <c r="D21" s="7"/>
      <c r="E21" s="7"/>
      <c r="F21" s="7"/>
      <c r="G21" s="24"/>
      <c r="H21" s="25"/>
      <c r="I21" s="7"/>
      <c r="J21" s="7"/>
    </row>
    <row r="22" spans="1:10" ht="42.95" customHeight="1" x14ac:dyDescent="0.15">
      <c r="A22" s="6">
        <v>10</v>
      </c>
      <c r="B22" s="7"/>
      <c r="C22" s="7"/>
      <c r="D22" s="7"/>
      <c r="E22" s="7"/>
      <c r="F22" s="7"/>
      <c r="G22" s="24"/>
      <c r="H22" s="25"/>
      <c r="I22" s="7"/>
      <c r="J22" s="7"/>
    </row>
    <row r="23" spans="1:10" ht="42.95" customHeight="1" x14ac:dyDescent="0.15">
      <c r="A23" s="6">
        <v>11</v>
      </c>
      <c r="B23" s="7"/>
      <c r="C23" s="7"/>
      <c r="D23" s="7"/>
      <c r="E23" s="7"/>
      <c r="F23" s="7"/>
      <c r="G23" s="24"/>
      <c r="H23" s="25"/>
      <c r="I23" s="7"/>
      <c r="J23" s="7"/>
    </row>
    <row r="24" spans="1:10" ht="42.95" customHeight="1" x14ac:dyDescent="0.15">
      <c r="A24" s="6">
        <v>12</v>
      </c>
      <c r="B24" s="7"/>
      <c r="C24" s="7"/>
      <c r="D24" s="7"/>
      <c r="E24" s="7"/>
      <c r="F24" s="7"/>
      <c r="G24" s="24"/>
      <c r="H24" s="25"/>
      <c r="I24" s="7"/>
      <c r="J24" s="7"/>
    </row>
    <row r="25" spans="1:10" ht="42.95" customHeight="1" x14ac:dyDescent="0.15">
      <c r="A25" s="6">
        <v>13</v>
      </c>
      <c r="B25" s="7"/>
      <c r="C25" s="7"/>
      <c r="D25" s="7"/>
      <c r="E25" s="7"/>
      <c r="F25" s="7"/>
      <c r="G25" s="24"/>
      <c r="H25" s="25"/>
      <c r="I25" s="7"/>
      <c r="J25" s="7"/>
    </row>
    <row r="26" spans="1:10" ht="42.95" customHeight="1" x14ac:dyDescent="0.15">
      <c r="A26" s="6">
        <v>14</v>
      </c>
      <c r="B26" s="7"/>
      <c r="C26" s="7"/>
      <c r="D26" s="7"/>
      <c r="E26" s="7"/>
      <c r="F26" s="7"/>
      <c r="G26" s="24"/>
      <c r="H26" s="25"/>
      <c r="I26" s="7"/>
      <c r="J26" s="7"/>
    </row>
    <row r="27" spans="1:10" ht="42.95" customHeight="1" x14ac:dyDescent="0.15">
      <c r="A27" s="6">
        <v>15</v>
      </c>
      <c r="B27" s="7"/>
      <c r="C27" s="7"/>
      <c r="D27" s="7"/>
      <c r="E27" s="7"/>
      <c r="F27" s="7"/>
      <c r="G27" s="24"/>
      <c r="H27" s="25"/>
      <c r="I27" s="7"/>
      <c r="J27" s="7"/>
    </row>
    <row r="28" spans="1:10" ht="42.95" customHeight="1" x14ac:dyDescent="0.15">
      <c r="A28" s="6">
        <v>16</v>
      </c>
      <c r="B28" s="7"/>
      <c r="C28" s="7"/>
      <c r="D28" s="7"/>
      <c r="E28" s="7"/>
      <c r="F28" s="7"/>
      <c r="G28" s="24"/>
      <c r="H28" s="25"/>
      <c r="I28" s="7"/>
      <c r="J28" s="7"/>
    </row>
    <row r="29" spans="1:10" ht="42.95" customHeight="1" x14ac:dyDescent="0.15">
      <c r="A29" s="6">
        <v>17</v>
      </c>
      <c r="B29" s="7"/>
      <c r="C29" s="7"/>
      <c r="D29" s="7"/>
      <c r="E29" s="7"/>
      <c r="F29" s="7"/>
      <c r="G29" s="24"/>
      <c r="H29" s="25"/>
      <c r="I29" s="7"/>
      <c r="J29" s="7"/>
    </row>
    <row r="30" spans="1:10" ht="42.95" customHeight="1" x14ac:dyDescent="0.15">
      <c r="A30" s="6">
        <v>18</v>
      </c>
      <c r="B30" s="7"/>
      <c r="C30" s="7"/>
      <c r="D30" s="7"/>
      <c r="E30" s="7"/>
      <c r="F30" s="7"/>
      <c r="G30" s="24"/>
      <c r="H30" s="25"/>
      <c r="I30" s="7"/>
      <c r="J30" s="7"/>
    </row>
    <row r="31" spans="1:10" ht="42.95" customHeight="1" x14ac:dyDescent="0.15">
      <c r="A31" s="6">
        <v>19</v>
      </c>
      <c r="B31" s="7"/>
      <c r="C31" s="7"/>
      <c r="D31" s="7"/>
      <c r="E31" s="7"/>
      <c r="F31" s="7"/>
      <c r="G31" s="24"/>
      <c r="H31" s="25"/>
      <c r="I31" s="7"/>
      <c r="J31" s="7"/>
    </row>
    <row r="32" spans="1:10" ht="42.95" customHeight="1" x14ac:dyDescent="0.15">
      <c r="A32" s="6">
        <v>20</v>
      </c>
      <c r="B32" s="7"/>
      <c r="C32" s="7"/>
      <c r="D32" s="7"/>
      <c r="E32" s="7"/>
      <c r="F32" s="7"/>
      <c r="G32" s="24"/>
      <c r="H32" s="25"/>
      <c r="I32" s="7"/>
      <c r="J32" s="7"/>
    </row>
    <row r="33" spans="1:10" ht="5.25" customHeight="1" x14ac:dyDescent="0.15">
      <c r="A33" s="21"/>
      <c r="B33" s="22"/>
      <c r="C33" s="22"/>
      <c r="D33" s="22"/>
      <c r="E33" s="22"/>
      <c r="F33" s="22"/>
      <c r="G33" s="23"/>
      <c r="H33" s="23"/>
      <c r="I33" s="22"/>
      <c r="J33" s="22"/>
    </row>
    <row r="34" spans="1:10" s="12" customFormat="1" ht="87" customHeight="1" x14ac:dyDescent="0.15">
      <c r="A34" s="29" t="s">
        <v>39</v>
      </c>
      <c r="B34" s="30"/>
      <c r="C34" s="30"/>
      <c r="D34" s="30"/>
      <c r="E34" s="30"/>
      <c r="F34" s="30"/>
      <c r="G34" s="30"/>
      <c r="H34" s="30"/>
      <c r="I34" s="30"/>
      <c r="J34" s="30"/>
    </row>
    <row r="35" spans="1:10" s="12" customFormat="1" ht="39.950000000000003" customHeight="1" x14ac:dyDescent="0.15">
      <c r="A35" s="11"/>
    </row>
    <row r="36" spans="1:10" ht="30" customHeight="1" x14ac:dyDescent="0.15"/>
    <row r="37" spans="1:10" ht="30" customHeight="1" x14ac:dyDescent="0.15"/>
    <row r="38" spans="1:10" ht="30" customHeight="1" x14ac:dyDescent="0.15"/>
    <row r="39" spans="1:10" ht="30" customHeight="1" x14ac:dyDescent="0.15"/>
    <row r="40" spans="1:10" ht="30" customHeight="1" x14ac:dyDescent="0.15"/>
    <row r="41" spans="1:10" ht="30" customHeight="1" x14ac:dyDescent="0.15"/>
    <row r="42" spans="1:10" ht="30" customHeight="1" x14ac:dyDescent="0.15"/>
    <row r="43" spans="1:10" ht="30" customHeight="1" x14ac:dyDescent="0.15"/>
    <row r="44" spans="1:10" ht="30" customHeight="1" x14ac:dyDescent="0.15"/>
    <row r="45" spans="1:10" ht="30" customHeight="1" x14ac:dyDescent="0.15"/>
    <row r="46" spans="1:10" ht="30" customHeight="1" x14ac:dyDescent="0.15"/>
  </sheetData>
  <mergeCells count="36">
    <mergeCell ref="F8:I8"/>
    <mergeCell ref="B9:C9"/>
    <mergeCell ref="E9:E12"/>
    <mergeCell ref="G13:H13"/>
    <mergeCell ref="A1:B1"/>
    <mergeCell ref="F9:F12"/>
    <mergeCell ref="I9:I12"/>
    <mergeCell ref="F3:G6"/>
    <mergeCell ref="G9:H12"/>
    <mergeCell ref="G14:H14"/>
    <mergeCell ref="G15:H15"/>
    <mergeCell ref="G16:H16"/>
    <mergeCell ref="G17:H17"/>
    <mergeCell ref="A34:J34"/>
    <mergeCell ref="I2:J2"/>
    <mergeCell ref="I6:J6"/>
    <mergeCell ref="B8:D8"/>
    <mergeCell ref="J9:J12"/>
    <mergeCell ref="A9:A12"/>
    <mergeCell ref="G23:H23"/>
    <mergeCell ref="G24:H24"/>
    <mergeCell ref="G25:H25"/>
    <mergeCell ref="G18:H18"/>
    <mergeCell ref="G19:H19"/>
    <mergeCell ref="G20:H20"/>
    <mergeCell ref="G21:H21"/>
    <mergeCell ref="G30:H30"/>
    <mergeCell ref="G31:H31"/>
    <mergeCell ref="G32:H32"/>
    <mergeCell ref="B10:B12"/>
    <mergeCell ref="C10:C12"/>
    <mergeCell ref="G26:H26"/>
    <mergeCell ref="G27:H27"/>
    <mergeCell ref="G28:H28"/>
    <mergeCell ref="G29:H29"/>
    <mergeCell ref="G22:H22"/>
  </mergeCells>
  <phoneticPr fontId="1"/>
  <dataValidations count="1">
    <dataValidation type="list" allowBlank="1" showInputMessage="1" showErrorMessage="1" sqref="D13:D33">
      <formula1>$D$10:$D$12</formula1>
    </dataValidation>
  </dataValidations>
  <pageMargins left="0.78740157480314965" right="0.39370078740157483" top="0.59055118110236227" bottom="0.59055118110236227" header="0.51181102362204722" footer="0.51181102362204722"/>
  <pageSetup paperSize="9" scale="70" orientation="portrait" verticalDpi="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1"/>
  </sheetPr>
  <dimension ref="A1:J181"/>
  <sheetViews>
    <sheetView view="pageBreakPreview" zoomScale="60" zoomScaleNormal="70" workbookViewId="0">
      <selection activeCell="I2" sqref="I2:J2"/>
    </sheetView>
  </sheetViews>
  <sheetFormatPr defaultRowHeight="14.25" x14ac:dyDescent="0.15"/>
  <cols>
    <col min="1" max="1" width="3.5" style="1" customWidth="1"/>
    <col min="2" max="2" width="13.625" style="2" customWidth="1"/>
    <col min="3" max="3" width="15.25" style="2" customWidth="1"/>
    <col min="4" max="4" width="16.125" style="2" customWidth="1"/>
    <col min="5" max="5" width="14.5" style="2" customWidth="1"/>
    <col min="6" max="6" width="13.75" style="2" customWidth="1"/>
    <col min="7" max="7" width="13.375" style="2" customWidth="1"/>
    <col min="8" max="8" width="14.5" style="2" customWidth="1"/>
    <col min="9" max="9" width="12.625" style="2" customWidth="1"/>
    <col min="10" max="10" width="17.75" style="2" customWidth="1"/>
    <col min="11" max="16384" width="9" style="2"/>
  </cols>
  <sheetData>
    <row r="1" spans="1:10" ht="26.25" customHeight="1" x14ac:dyDescent="0.15">
      <c r="A1" s="43" t="s">
        <v>30</v>
      </c>
      <c r="B1" s="44"/>
    </row>
    <row r="2" spans="1:10" ht="39" customHeight="1" x14ac:dyDescent="0.15">
      <c r="I2" s="32" t="s">
        <v>42</v>
      </c>
      <c r="J2" s="32"/>
    </row>
    <row r="3" spans="1:10" ht="21" customHeight="1" x14ac:dyDescent="0.15">
      <c r="I3" s="9"/>
      <c r="J3" s="9"/>
    </row>
    <row r="4" spans="1:10" ht="25.5" customHeight="1" x14ac:dyDescent="0.15">
      <c r="A4" s="60" t="s">
        <v>16</v>
      </c>
      <c r="B4" s="46"/>
      <c r="C4" s="46"/>
      <c r="D4" s="46"/>
      <c r="E4" s="46"/>
      <c r="F4" s="46"/>
      <c r="G4" s="46"/>
      <c r="H4" s="46"/>
      <c r="I4" s="46"/>
      <c r="J4" s="46"/>
    </row>
    <row r="6" spans="1:10" ht="17.25" customHeight="1" x14ac:dyDescent="0.15">
      <c r="B6" s="32" t="s">
        <v>20</v>
      </c>
      <c r="C6" s="33"/>
      <c r="D6" s="33"/>
      <c r="E6" s="5"/>
      <c r="F6" s="38" t="s">
        <v>25</v>
      </c>
      <c r="G6" s="38"/>
      <c r="H6" s="38"/>
      <c r="I6" s="4"/>
    </row>
    <row r="7" spans="1:10" ht="7.5" customHeight="1" x14ac:dyDescent="0.15">
      <c r="C7" s="5"/>
      <c r="D7" s="5"/>
      <c r="E7" s="5"/>
      <c r="F7" s="5"/>
      <c r="G7" s="5"/>
      <c r="H7" s="5"/>
      <c r="I7" s="5"/>
    </row>
    <row r="8" spans="1:10" ht="32.25" customHeight="1" x14ac:dyDescent="0.15">
      <c r="A8" s="35" t="s">
        <v>26</v>
      </c>
      <c r="B8" s="34" t="s">
        <v>13</v>
      </c>
      <c r="C8" s="39"/>
      <c r="D8" s="18" t="s">
        <v>41</v>
      </c>
      <c r="E8" s="53" t="s">
        <v>27</v>
      </c>
      <c r="F8" s="61" t="s">
        <v>7</v>
      </c>
      <c r="G8" s="61"/>
      <c r="H8" s="61"/>
      <c r="I8" s="26" t="s">
        <v>23</v>
      </c>
      <c r="J8" s="61" t="s">
        <v>6</v>
      </c>
    </row>
    <row r="9" spans="1:10" ht="19.5" customHeight="1" x14ac:dyDescent="0.15">
      <c r="A9" s="36"/>
      <c r="B9" s="26" t="s">
        <v>0</v>
      </c>
      <c r="C9" s="26" t="s">
        <v>28</v>
      </c>
      <c r="D9" s="19" t="s">
        <v>37</v>
      </c>
      <c r="E9" s="54"/>
      <c r="F9" s="35" t="s">
        <v>1</v>
      </c>
      <c r="G9" s="53" t="s">
        <v>4</v>
      </c>
      <c r="H9" s="26" t="s">
        <v>5</v>
      </c>
      <c r="I9" s="27"/>
      <c r="J9" s="61"/>
    </row>
    <row r="10" spans="1:10" ht="21.75" customHeight="1" x14ac:dyDescent="0.15">
      <c r="A10" s="36"/>
      <c r="B10" s="27"/>
      <c r="C10" s="27"/>
      <c r="D10" s="19" t="s">
        <v>38</v>
      </c>
      <c r="E10" s="54"/>
      <c r="F10" s="36"/>
      <c r="G10" s="57"/>
      <c r="H10" s="57"/>
      <c r="I10" s="27"/>
      <c r="J10" s="61"/>
    </row>
    <row r="11" spans="1:10" ht="24.75" customHeight="1" x14ac:dyDescent="0.15">
      <c r="A11" s="37"/>
      <c r="B11" s="28"/>
      <c r="C11" s="28"/>
      <c r="D11" s="20" t="s">
        <v>36</v>
      </c>
      <c r="E11" s="55"/>
      <c r="F11" s="56"/>
      <c r="G11" s="58"/>
      <c r="H11" s="58"/>
      <c r="I11" s="45"/>
      <c r="J11" s="61"/>
    </row>
    <row r="12" spans="1:10" ht="42.95" customHeight="1" x14ac:dyDescent="0.15">
      <c r="A12" s="6">
        <v>1</v>
      </c>
      <c r="B12" s="14"/>
      <c r="C12" s="14"/>
      <c r="D12" s="15"/>
      <c r="E12" s="14"/>
      <c r="F12" s="14"/>
      <c r="G12" s="14"/>
      <c r="H12" s="14"/>
      <c r="I12" s="16"/>
      <c r="J12" s="14"/>
    </row>
    <row r="13" spans="1:10" ht="42.95" customHeight="1" x14ac:dyDescent="0.15">
      <c r="A13" s="6">
        <v>2</v>
      </c>
      <c r="B13" s="14"/>
      <c r="C13" s="14"/>
      <c r="D13" s="14"/>
      <c r="E13" s="14"/>
      <c r="F13" s="14"/>
      <c r="G13" s="14"/>
      <c r="H13" s="14"/>
      <c r="I13" s="14"/>
      <c r="J13" s="14"/>
    </row>
    <row r="14" spans="1:10" ht="42.95" customHeight="1" x14ac:dyDescent="0.15">
      <c r="A14" s="6">
        <v>3</v>
      </c>
      <c r="B14" s="14"/>
      <c r="C14" s="14"/>
      <c r="D14" s="14"/>
      <c r="E14" s="14"/>
      <c r="F14" s="14"/>
      <c r="G14" s="14"/>
      <c r="H14" s="14"/>
      <c r="I14" s="14"/>
      <c r="J14" s="17"/>
    </row>
    <row r="15" spans="1:10" ht="42.95" customHeight="1" x14ac:dyDescent="0.15">
      <c r="A15" s="6">
        <v>4</v>
      </c>
      <c r="B15" s="14"/>
      <c r="C15" s="14"/>
      <c r="D15" s="14"/>
      <c r="E15" s="14"/>
      <c r="F15" s="14"/>
      <c r="G15" s="14"/>
      <c r="H15" s="14"/>
      <c r="I15" s="14"/>
      <c r="J15" s="17"/>
    </row>
    <row r="16" spans="1:10" ht="42.95" customHeight="1" x14ac:dyDescent="0.15">
      <c r="A16" s="6">
        <v>5</v>
      </c>
      <c r="B16" s="14"/>
      <c r="C16" s="14"/>
      <c r="D16" s="14"/>
      <c r="E16" s="14"/>
      <c r="F16" s="14"/>
      <c r="G16" s="14"/>
      <c r="H16" s="14"/>
      <c r="I16" s="14"/>
      <c r="J16" s="14"/>
    </row>
    <row r="17" spans="1:10" ht="42.95" customHeight="1" x14ac:dyDescent="0.15">
      <c r="A17" s="6">
        <v>6</v>
      </c>
      <c r="B17" s="14"/>
      <c r="C17" s="14"/>
      <c r="D17" s="14"/>
      <c r="E17" s="14"/>
      <c r="F17" s="14"/>
      <c r="G17" s="14"/>
      <c r="H17" s="14"/>
      <c r="I17" s="14"/>
      <c r="J17" s="14"/>
    </row>
    <row r="18" spans="1:10" ht="42.95" customHeight="1" x14ac:dyDescent="0.15">
      <c r="A18" s="6">
        <v>7</v>
      </c>
      <c r="B18" s="14"/>
      <c r="C18" s="14"/>
      <c r="D18" s="14"/>
      <c r="E18" s="14"/>
      <c r="F18" s="14"/>
      <c r="G18" s="14"/>
      <c r="H18" s="14"/>
      <c r="I18" s="14"/>
      <c r="J18" s="14"/>
    </row>
    <row r="19" spans="1:10" ht="42.95" customHeight="1" x14ac:dyDescent="0.15">
      <c r="A19" s="6">
        <v>8</v>
      </c>
      <c r="B19" s="14"/>
      <c r="C19" s="14"/>
      <c r="D19" s="14"/>
      <c r="E19" s="14"/>
      <c r="F19" s="14"/>
      <c r="G19" s="14"/>
      <c r="H19" s="14"/>
      <c r="I19" s="14"/>
      <c r="J19" s="14"/>
    </row>
    <row r="20" spans="1:10" ht="42.95" customHeight="1" x14ac:dyDescent="0.15">
      <c r="A20" s="6">
        <v>9</v>
      </c>
      <c r="B20" s="14"/>
      <c r="C20" s="14"/>
      <c r="D20" s="14"/>
      <c r="E20" s="14"/>
      <c r="F20" s="14"/>
      <c r="G20" s="14"/>
      <c r="H20" s="14"/>
      <c r="I20" s="14"/>
      <c r="J20" s="14"/>
    </row>
    <row r="21" spans="1:10" ht="42.95" customHeight="1" x14ac:dyDescent="0.15">
      <c r="A21" s="6">
        <v>10</v>
      </c>
      <c r="B21" s="14"/>
      <c r="C21" s="14"/>
      <c r="D21" s="14"/>
      <c r="E21" s="14"/>
      <c r="F21" s="14"/>
      <c r="G21" s="14"/>
      <c r="H21" s="14"/>
      <c r="I21" s="14"/>
      <c r="J21" s="14"/>
    </row>
    <row r="22" spans="1:10" ht="42.95" customHeight="1" x14ac:dyDescent="0.15">
      <c r="A22" s="6">
        <v>11</v>
      </c>
      <c r="B22" s="14"/>
      <c r="C22" s="14"/>
      <c r="D22" s="14"/>
      <c r="E22" s="14"/>
      <c r="F22" s="14"/>
      <c r="G22" s="14"/>
      <c r="H22" s="14"/>
      <c r="I22" s="14"/>
      <c r="J22" s="14"/>
    </row>
    <row r="23" spans="1:10" ht="42.95" customHeight="1" x14ac:dyDescent="0.15">
      <c r="A23" s="6">
        <v>12</v>
      </c>
      <c r="B23" s="14"/>
      <c r="C23" s="14"/>
      <c r="D23" s="14"/>
      <c r="E23" s="14"/>
      <c r="F23" s="14"/>
      <c r="G23" s="14"/>
      <c r="H23" s="14"/>
      <c r="I23" s="14"/>
      <c r="J23" s="14"/>
    </row>
    <row r="24" spans="1:10" ht="42.95" customHeight="1" x14ac:dyDescent="0.15">
      <c r="A24" s="6">
        <v>13</v>
      </c>
      <c r="B24" s="14"/>
      <c r="C24" s="14"/>
      <c r="D24" s="14"/>
      <c r="E24" s="14"/>
      <c r="F24" s="14"/>
      <c r="G24" s="14"/>
      <c r="H24" s="14"/>
      <c r="I24" s="14"/>
      <c r="J24" s="14"/>
    </row>
    <row r="25" spans="1:10" ht="42.95" customHeight="1" x14ac:dyDescent="0.15">
      <c r="A25" s="6">
        <v>14</v>
      </c>
      <c r="B25" s="14"/>
      <c r="C25" s="14"/>
      <c r="D25" s="14"/>
      <c r="E25" s="14"/>
      <c r="F25" s="14"/>
      <c r="G25" s="14"/>
      <c r="H25" s="14"/>
      <c r="I25" s="14"/>
      <c r="J25" s="14"/>
    </row>
    <row r="26" spans="1:10" ht="42.95" customHeight="1" x14ac:dyDescent="0.15">
      <c r="A26" s="6">
        <v>15</v>
      </c>
      <c r="B26" s="14"/>
      <c r="C26" s="14"/>
      <c r="D26" s="14"/>
      <c r="E26" s="14"/>
      <c r="F26" s="14"/>
      <c r="G26" s="14"/>
      <c r="H26" s="14"/>
      <c r="I26" s="14"/>
      <c r="J26" s="14"/>
    </row>
    <row r="27" spans="1:10" ht="42.95" customHeight="1" x14ac:dyDescent="0.15">
      <c r="A27" s="6">
        <v>16</v>
      </c>
      <c r="B27" s="14"/>
      <c r="C27" s="14"/>
      <c r="D27" s="14"/>
      <c r="E27" s="14"/>
      <c r="F27" s="14"/>
      <c r="G27" s="14"/>
      <c r="H27" s="14"/>
      <c r="I27" s="14"/>
      <c r="J27" s="14"/>
    </row>
    <row r="28" spans="1:10" ht="42.95" customHeight="1" x14ac:dyDescent="0.15">
      <c r="A28" s="6">
        <v>17</v>
      </c>
      <c r="B28" s="14"/>
      <c r="C28" s="14"/>
      <c r="D28" s="14"/>
      <c r="E28" s="14"/>
      <c r="F28" s="14"/>
      <c r="G28" s="14"/>
      <c r="H28" s="14"/>
      <c r="I28" s="14"/>
      <c r="J28" s="14"/>
    </row>
    <row r="29" spans="1:10" ht="42.95" customHeight="1" x14ac:dyDescent="0.15">
      <c r="A29" s="6">
        <v>18</v>
      </c>
      <c r="B29" s="14"/>
      <c r="C29" s="14"/>
      <c r="D29" s="14"/>
      <c r="E29" s="14"/>
      <c r="F29" s="14"/>
      <c r="G29" s="14"/>
      <c r="H29" s="14"/>
      <c r="I29" s="14"/>
      <c r="J29" s="14"/>
    </row>
    <row r="30" spans="1:10" ht="42.95" customHeight="1" x14ac:dyDescent="0.15">
      <c r="A30" s="6">
        <v>19</v>
      </c>
      <c r="B30" s="14"/>
      <c r="C30" s="14"/>
      <c r="D30" s="14"/>
      <c r="E30" s="14"/>
      <c r="F30" s="14"/>
      <c r="G30" s="14"/>
      <c r="H30" s="14"/>
      <c r="I30" s="14"/>
      <c r="J30" s="14"/>
    </row>
    <row r="31" spans="1:10" ht="42.95" customHeight="1" x14ac:dyDescent="0.15">
      <c r="A31" s="6">
        <v>20</v>
      </c>
      <c r="B31" s="14"/>
      <c r="C31" s="14"/>
      <c r="D31" s="14"/>
      <c r="E31" s="14"/>
      <c r="F31" s="14"/>
      <c r="G31" s="14"/>
      <c r="H31" s="14"/>
      <c r="I31" s="14"/>
      <c r="J31" s="14"/>
    </row>
    <row r="32" spans="1:10" s="12" customFormat="1" ht="10.5" customHeight="1" x14ac:dyDescent="0.15">
      <c r="A32" s="11"/>
    </row>
    <row r="33" spans="1:10" s="12" customFormat="1" ht="65.25" customHeight="1" x14ac:dyDescent="0.15">
      <c r="A33" s="29" t="s">
        <v>32</v>
      </c>
      <c r="B33" s="59"/>
      <c r="C33" s="59"/>
      <c r="D33" s="59"/>
      <c r="E33" s="59"/>
      <c r="F33" s="59"/>
      <c r="G33" s="59"/>
      <c r="H33" s="59"/>
      <c r="I33" s="59"/>
      <c r="J33" s="59"/>
    </row>
    <row r="34" spans="1:10" s="12" customFormat="1" ht="30" customHeight="1" x14ac:dyDescent="0.15">
      <c r="A34" s="11"/>
    </row>
    <row r="35" spans="1:10" ht="30" customHeight="1" x14ac:dyDescent="0.15"/>
    <row r="36" spans="1:10" ht="30" customHeight="1" x14ac:dyDescent="0.15"/>
    <row r="37" spans="1:10" ht="30" customHeight="1" x14ac:dyDescent="0.15"/>
    <row r="38" spans="1:10" ht="30" customHeight="1" x14ac:dyDescent="0.15"/>
    <row r="39" spans="1:10" ht="30" customHeight="1" x14ac:dyDescent="0.15"/>
    <row r="40" spans="1:10" ht="30" customHeight="1" x14ac:dyDescent="0.15"/>
    <row r="41" spans="1:10" ht="30" customHeight="1" x14ac:dyDescent="0.15"/>
    <row r="42" spans="1:10" ht="30" customHeight="1" x14ac:dyDescent="0.15"/>
    <row r="43" spans="1:10" ht="30" customHeight="1" x14ac:dyDescent="0.15"/>
    <row r="44" spans="1:10" ht="30" customHeight="1" x14ac:dyDescent="0.15"/>
    <row r="45" spans="1:10" ht="30" customHeight="1" x14ac:dyDescent="0.15"/>
    <row r="46" spans="1:10" ht="30" customHeight="1" x14ac:dyDescent="0.15"/>
    <row r="47" spans="1:10" ht="30" customHeight="1" x14ac:dyDescent="0.15"/>
    <row r="48" spans="1:10" ht="30" customHeight="1" x14ac:dyDescent="0.15"/>
    <row r="49" ht="30" customHeight="1" x14ac:dyDescent="0.15"/>
    <row r="50" ht="30" customHeight="1" x14ac:dyDescent="0.15"/>
    <row r="51" ht="30" customHeight="1" x14ac:dyDescent="0.15"/>
    <row r="52" ht="30" customHeight="1" x14ac:dyDescent="0.15"/>
    <row r="53" ht="30" customHeight="1" x14ac:dyDescent="0.15"/>
    <row r="54" ht="30" customHeight="1" x14ac:dyDescent="0.15"/>
    <row r="55" ht="30" customHeight="1" x14ac:dyDescent="0.15"/>
    <row r="56" ht="30" customHeight="1" x14ac:dyDescent="0.15"/>
    <row r="57" ht="30" customHeight="1" x14ac:dyDescent="0.15"/>
    <row r="58" ht="30" customHeight="1" x14ac:dyDescent="0.15"/>
    <row r="59" ht="30" customHeight="1" x14ac:dyDescent="0.15"/>
    <row r="60" ht="30" customHeight="1" x14ac:dyDescent="0.15"/>
    <row r="61" ht="30" customHeight="1" x14ac:dyDescent="0.15"/>
    <row r="62" ht="30" customHeight="1" x14ac:dyDescent="0.15"/>
    <row r="63" ht="30" customHeight="1" x14ac:dyDescent="0.15"/>
    <row r="64" ht="30" customHeight="1" x14ac:dyDescent="0.15"/>
    <row r="65" ht="30" customHeight="1" x14ac:dyDescent="0.15"/>
    <row r="66" ht="30" customHeight="1" x14ac:dyDescent="0.15"/>
    <row r="67" ht="30" customHeight="1" x14ac:dyDescent="0.15"/>
    <row r="68" ht="30" customHeight="1" x14ac:dyDescent="0.15"/>
    <row r="69" ht="30" customHeight="1" x14ac:dyDescent="0.15"/>
    <row r="70" ht="30" customHeight="1" x14ac:dyDescent="0.15"/>
    <row r="71" ht="30" customHeight="1" x14ac:dyDescent="0.15"/>
    <row r="72" ht="30" customHeight="1" x14ac:dyDescent="0.15"/>
    <row r="73" ht="30" customHeight="1" x14ac:dyDescent="0.15"/>
    <row r="74" ht="30" customHeight="1" x14ac:dyDescent="0.15"/>
    <row r="75" ht="30" customHeight="1" x14ac:dyDescent="0.15"/>
    <row r="76" ht="30" customHeight="1" x14ac:dyDescent="0.15"/>
    <row r="77" ht="30" customHeight="1" x14ac:dyDescent="0.15"/>
    <row r="78" ht="30" customHeight="1" x14ac:dyDescent="0.15"/>
    <row r="79" ht="30" customHeight="1" x14ac:dyDescent="0.15"/>
    <row r="80" ht="30" customHeight="1" x14ac:dyDescent="0.15"/>
    <row r="81" ht="30" customHeight="1" x14ac:dyDescent="0.15"/>
    <row r="82" ht="30" customHeight="1" x14ac:dyDescent="0.15"/>
    <row r="83" ht="30" customHeight="1" x14ac:dyDescent="0.15"/>
    <row r="84" ht="30" customHeight="1" x14ac:dyDescent="0.15"/>
    <row r="85" ht="30" customHeight="1" x14ac:dyDescent="0.15"/>
    <row r="86" ht="30" customHeight="1" x14ac:dyDescent="0.15"/>
    <row r="87" ht="30" customHeight="1" x14ac:dyDescent="0.15"/>
    <row r="88" ht="30" customHeight="1" x14ac:dyDescent="0.15"/>
    <row r="89" ht="30" customHeight="1" x14ac:dyDescent="0.15"/>
    <row r="90" ht="30" customHeight="1" x14ac:dyDescent="0.15"/>
    <row r="91" ht="30" customHeight="1" x14ac:dyDescent="0.15"/>
    <row r="92" ht="30" customHeight="1" x14ac:dyDescent="0.15"/>
    <row r="93" ht="30" customHeight="1" x14ac:dyDescent="0.15"/>
    <row r="94" ht="30" customHeight="1" x14ac:dyDescent="0.15"/>
    <row r="95" ht="30" customHeight="1" x14ac:dyDescent="0.15"/>
    <row r="96" ht="30" customHeight="1" x14ac:dyDescent="0.15"/>
    <row r="97" ht="30" customHeight="1" x14ac:dyDescent="0.15"/>
    <row r="98" ht="30" customHeight="1" x14ac:dyDescent="0.15"/>
    <row r="99" ht="30" customHeight="1" x14ac:dyDescent="0.15"/>
    <row r="100" ht="30" customHeight="1" x14ac:dyDescent="0.15"/>
    <row r="101" ht="30" customHeight="1" x14ac:dyDescent="0.15"/>
    <row r="102" ht="30" customHeight="1" x14ac:dyDescent="0.15"/>
    <row r="103" ht="30" customHeight="1" x14ac:dyDescent="0.15"/>
    <row r="104" ht="30" customHeight="1" x14ac:dyDescent="0.15"/>
    <row r="105" ht="30" customHeight="1" x14ac:dyDescent="0.15"/>
    <row r="106" ht="30" customHeight="1" x14ac:dyDescent="0.15"/>
    <row r="107" ht="30" customHeight="1" x14ac:dyDescent="0.15"/>
    <row r="108" ht="30" customHeight="1" x14ac:dyDescent="0.15"/>
    <row r="109" ht="30" customHeight="1" x14ac:dyDescent="0.15"/>
    <row r="110" ht="30" customHeight="1" x14ac:dyDescent="0.15"/>
    <row r="111" ht="30" customHeight="1" x14ac:dyDescent="0.15"/>
    <row r="112" ht="30" customHeight="1" x14ac:dyDescent="0.15"/>
    <row r="113" ht="30" customHeight="1" x14ac:dyDescent="0.15"/>
    <row r="114" ht="30" customHeight="1" x14ac:dyDescent="0.15"/>
    <row r="115" ht="30" customHeight="1" x14ac:dyDescent="0.15"/>
    <row r="116" ht="30" customHeight="1" x14ac:dyDescent="0.15"/>
    <row r="117" ht="30" customHeight="1" x14ac:dyDescent="0.15"/>
    <row r="118" ht="30" customHeight="1" x14ac:dyDescent="0.15"/>
    <row r="119" ht="30" customHeight="1" x14ac:dyDescent="0.15"/>
    <row r="120" ht="30" customHeight="1" x14ac:dyDescent="0.15"/>
    <row r="121" ht="30" customHeight="1" x14ac:dyDescent="0.15"/>
    <row r="122" ht="30" customHeight="1" x14ac:dyDescent="0.15"/>
    <row r="123" ht="30" customHeight="1" x14ac:dyDescent="0.15"/>
    <row r="124" ht="30" customHeight="1" x14ac:dyDescent="0.15"/>
    <row r="125" ht="30" customHeight="1" x14ac:dyDescent="0.15"/>
    <row r="126" ht="30" customHeight="1" x14ac:dyDescent="0.15"/>
    <row r="127" ht="30" customHeight="1" x14ac:dyDescent="0.15"/>
    <row r="128" ht="30" customHeight="1" x14ac:dyDescent="0.15"/>
    <row r="129" ht="30" customHeight="1" x14ac:dyDescent="0.15"/>
    <row r="130" ht="30" customHeight="1" x14ac:dyDescent="0.15"/>
    <row r="131" ht="30" customHeight="1" x14ac:dyDescent="0.15"/>
    <row r="132" ht="30" customHeight="1" x14ac:dyDescent="0.15"/>
    <row r="133" ht="30" customHeight="1" x14ac:dyDescent="0.15"/>
    <row r="134" ht="30" customHeight="1" x14ac:dyDescent="0.15"/>
    <row r="135" ht="30" customHeight="1" x14ac:dyDescent="0.15"/>
    <row r="136" ht="30" customHeight="1" x14ac:dyDescent="0.15"/>
    <row r="137" ht="30" customHeight="1" x14ac:dyDescent="0.15"/>
    <row r="138" ht="30" customHeight="1" x14ac:dyDescent="0.15"/>
    <row r="139" ht="30" customHeight="1" x14ac:dyDescent="0.15"/>
    <row r="140" ht="30" customHeight="1" x14ac:dyDescent="0.15"/>
    <row r="141" ht="30" customHeight="1" x14ac:dyDescent="0.15"/>
    <row r="142" ht="30" customHeight="1" x14ac:dyDescent="0.15"/>
    <row r="143" ht="30" customHeight="1" x14ac:dyDescent="0.15"/>
    <row r="144" ht="30" customHeight="1" x14ac:dyDescent="0.15"/>
    <row r="145" ht="30" customHeight="1" x14ac:dyDescent="0.15"/>
    <row r="146" ht="30" customHeight="1" x14ac:dyDescent="0.15"/>
    <row r="147" ht="30" customHeight="1" x14ac:dyDescent="0.15"/>
    <row r="148" ht="30" customHeight="1" x14ac:dyDescent="0.15"/>
    <row r="149" ht="30" customHeight="1" x14ac:dyDescent="0.15"/>
    <row r="150" ht="30" customHeight="1" x14ac:dyDescent="0.15"/>
    <row r="151" ht="30" customHeight="1" x14ac:dyDescent="0.15"/>
    <row r="152" ht="30" customHeight="1" x14ac:dyDescent="0.15"/>
    <row r="153" ht="30" customHeight="1" x14ac:dyDescent="0.15"/>
    <row r="154" ht="30" customHeight="1" x14ac:dyDescent="0.15"/>
    <row r="155" ht="30" customHeight="1" x14ac:dyDescent="0.15"/>
    <row r="156" ht="30" customHeight="1" x14ac:dyDescent="0.15"/>
    <row r="157" ht="30" customHeight="1" x14ac:dyDescent="0.15"/>
    <row r="158" ht="30" customHeight="1" x14ac:dyDescent="0.15"/>
    <row r="159" ht="30" customHeight="1" x14ac:dyDescent="0.15"/>
    <row r="160" ht="30" customHeight="1" x14ac:dyDescent="0.15"/>
    <row r="161" ht="30" customHeight="1" x14ac:dyDescent="0.15"/>
    <row r="162" ht="30" customHeight="1" x14ac:dyDescent="0.15"/>
    <row r="163" ht="30" customHeight="1" x14ac:dyDescent="0.15"/>
    <row r="164" ht="30" customHeight="1" x14ac:dyDescent="0.15"/>
    <row r="165" ht="30" customHeight="1" x14ac:dyDescent="0.15"/>
    <row r="166" ht="30" customHeight="1" x14ac:dyDescent="0.15"/>
    <row r="167" ht="30" customHeight="1" x14ac:dyDescent="0.15"/>
    <row r="168" ht="30" customHeight="1" x14ac:dyDescent="0.15"/>
    <row r="169" ht="30" customHeight="1" x14ac:dyDescent="0.15"/>
    <row r="170" ht="30" customHeight="1" x14ac:dyDescent="0.15"/>
    <row r="171" ht="30" customHeight="1" x14ac:dyDescent="0.15"/>
    <row r="172" ht="30" customHeight="1" x14ac:dyDescent="0.15"/>
    <row r="173" ht="30" customHeight="1" x14ac:dyDescent="0.15"/>
    <row r="174" ht="30" customHeight="1" x14ac:dyDescent="0.15"/>
    <row r="175" ht="30" customHeight="1" x14ac:dyDescent="0.15"/>
    <row r="176" ht="30" customHeight="1" x14ac:dyDescent="0.15"/>
    <row r="177" ht="30" customHeight="1" x14ac:dyDescent="0.15"/>
    <row r="178" ht="30" customHeight="1" x14ac:dyDescent="0.15"/>
    <row r="179" ht="30" customHeight="1" x14ac:dyDescent="0.15"/>
    <row r="180" ht="30" customHeight="1" x14ac:dyDescent="0.15"/>
    <row r="181" ht="30" customHeight="1" x14ac:dyDescent="0.15"/>
  </sheetData>
  <mergeCells count="17">
    <mergeCell ref="A1:B1"/>
    <mergeCell ref="I2:J2"/>
    <mergeCell ref="A33:J33"/>
    <mergeCell ref="A4:J4"/>
    <mergeCell ref="B6:D6"/>
    <mergeCell ref="J8:J11"/>
    <mergeCell ref="A8:A11"/>
    <mergeCell ref="F8:H8"/>
    <mergeCell ref="F6:H6"/>
    <mergeCell ref="B8:C8"/>
    <mergeCell ref="E8:E11"/>
    <mergeCell ref="I8:I11"/>
    <mergeCell ref="B9:B11"/>
    <mergeCell ref="C9:C11"/>
    <mergeCell ref="F9:F11"/>
    <mergeCell ref="G9:G11"/>
    <mergeCell ref="H9:H11"/>
  </mergeCells>
  <phoneticPr fontId="1"/>
  <dataValidations count="1">
    <dataValidation type="list" allowBlank="1" showInputMessage="1" showErrorMessage="1" sqref="D12:D31">
      <formula1>$D$9:$D$11</formula1>
    </dataValidation>
  </dataValidations>
  <pageMargins left="0.78740157480314965" right="0.19685039370078741" top="0.59055118110236227" bottom="0.59055118110236227" header="0.82677165354330717" footer="0.51181102362204722"/>
  <pageSetup paperSize="9" scale="70" orientation="portrait" verticalDpi="0" r:id="rId1"/>
  <headerFooter alignWithMargins="0">
    <oddFooter xml:space="preserve">&amp;C
&amp;R
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I47"/>
  <sheetViews>
    <sheetView tabSelected="1" view="pageBreakPreview" zoomScale="60" zoomScaleNormal="70" workbookViewId="0">
      <selection activeCell="K8" sqref="K8"/>
    </sheetView>
  </sheetViews>
  <sheetFormatPr defaultRowHeight="14.25" x14ac:dyDescent="0.15"/>
  <cols>
    <col min="1" max="1" width="3.5" style="1" customWidth="1"/>
    <col min="2" max="2" width="21.75" style="2" customWidth="1"/>
    <col min="3" max="3" width="26" style="2" customWidth="1"/>
    <col min="4" max="4" width="18.25" style="2" customWidth="1"/>
    <col min="5" max="5" width="22.25" style="2" customWidth="1"/>
    <col min="6" max="6" width="23.625" style="2" customWidth="1"/>
    <col min="7" max="7" width="16.125" style="2" customWidth="1"/>
    <col min="8" max="16384" width="9" style="2"/>
  </cols>
  <sheetData>
    <row r="1" spans="1:9" ht="24.75" customHeight="1" x14ac:dyDescent="0.15">
      <c r="A1" s="43" t="s">
        <v>31</v>
      </c>
      <c r="B1" s="44"/>
    </row>
    <row r="2" spans="1:9" ht="22.5" customHeight="1" x14ac:dyDescent="0.15">
      <c r="F2" s="31" t="s">
        <v>43</v>
      </c>
      <c r="G2" s="31"/>
    </row>
    <row r="3" spans="1:9" ht="18.75" x14ac:dyDescent="0.15">
      <c r="C3" s="62" t="s">
        <v>14</v>
      </c>
      <c r="D3" s="3" t="s">
        <v>9</v>
      </c>
      <c r="E3" s="46" t="s">
        <v>15</v>
      </c>
    </row>
    <row r="4" spans="1:9" ht="18.75" x14ac:dyDescent="0.15">
      <c r="C4" s="62"/>
      <c r="D4" s="3" t="s">
        <v>10</v>
      </c>
      <c r="E4" s="33"/>
    </row>
    <row r="5" spans="1:9" ht="18.75" x14ac:dyDescent="0.15">
      <c r="C5" s="62"/>
      <c r="D5" s="3" t="s">
        <v>11</v>
      </c>
      <c r="E5" s="33"/>
    </row>
    <row r="6" spans="1:9" ht="18.75" x14ac:dyDescent="0.15">
      <c r="C6" s="62"/>
      <c r="D6" s="3" t="s">
        <v>12</v>
      </c>
      <c r="E6" s="33"/>
      <c r="F6" s="32"/>
      <c r="G6" s="32"/>
      <c r="H6" s="32"/>
      <c r="I6" s="32"/>
    </row>
    <row r="7" spans="1:9" ht="15" customHeight="1" x14ac:dyDescent="0.15">
      <c r="E7" s="3"/>
      <c r="F7" s="4"/>
      <c r="G7" s="4"/>
      <c r="H7" s="9"/>
      <c r="I7" s="9"/>
    </row>
    <row r="8" spans="1:9" ht="17.25" customHeight="1" x14ac:dyDescent="0.15">
      <c r="B8" s="32" t="s">
        <v>18</v>
      </c>
      <c r="C8" s="33"/>
      <c r="D8" s="5"/>
      <c r="E8" s="38" t="s">
        <v>19</v>
      </c>
      <c r="F8" s="38"/>
      <c r="G8" s="8"/>
    </row>
    <row r="9" spans="1:9" ht="9" customHeight="1" x14ac:dyDescent="0.15">
      <c r="C9" s="5"/>
      <c r="D9" s="5"/>
      <c r="E9" s="5"/>
      <c r="F9" s="5"/>
    </row>
    <row r="10" spans="1:9" ht="36.75" customHeight="1" x14ac:dyDescent="0.15">
      <c r="A10" s="64" t="s">
        <v>26</v>
      </c>
      <c r="B10" s="67" t="s">
        <v>2</v>
      </c>
      <c r="C10" s="68"/>
      <c r="D10" s="18" t="s">
        <v>41</v>
      </c>
      <c r="E10" s="69" t="s">
        <v>17</v>
      </c>
      <c r="F10" s="69" t="s">
        <v>24</v>
      </c>
      <c r="G10" s="63" t="s">
        <v>6</v>
      </c>
    </row>
    <row r="11" spans="1:9" ht="18.75" customHeight="1" x14ac:dyDescent="0.15">
      <c r="A11" s="65"/>
      <c r="B11" s="69" t="s">
        <v>0</v>
      </c>
      <c r="C11" s="69" t="s">
        <v>3</v>
      </c>
      <c r="D11" s="19" t="s">
        <v>34</v>
      </c>
      <c r="E11" s="70"/>
      <c r="F11" s="70"/>
      <c r="G11" s="63"/>
    </row>
    <row r="12" spans="1:9" ht="16.5" customHeight="1" x14ac:dyDescent="0.15">
      <c r="A12" s="65"/>
      <c r="B12" s="70"/>
      <c r="C12" s="70"/>
      <c r="D12" s="19" t="s">
        <v>35</v>
      </c>
      <c r="E12" s="70"/>
      <c r="F12" s="70"/>
      <c r="G12" s="63"/>
    </row>
    <row r="13" spans="1:9" ht="20.25" customHeight="1" x14ac:dyDescent="0.15">
      <c r="A13" s="66"/>
      <c r="B13" s="28"/>
      <c r="C13" s="28"/>
      <c r="D13" s="20" t="s">
        <v>36</v>
      </c>
      <c r="E13" s="71"/>
      <c r="F13" s="45"/>
      <c r="G13" s="63"/>
    </row>
    <row r="14" spans="1:9" ht="42.95" customHeight="1" x14ac:dyDescent="0.15">
      <c r="A14" s="6">
        <v>1</v>
      </c>
      <c r="B14" s="7"/>
      <c r="C14" s="7"/>
      <c r="D14" s="13"/>
      <c r="E14" s="7"/>
      <c r="F14" s="7"/>
      <c r="G14" s="7"/>
    </row>
    <row r="15" spans="1:9" ht="42.95" customHeight="1" x14ac:dyDescent="0.15">
      <c r="A15" s="6">
        <v>2</v>
      </c>
      <c r="B15" s="7"/>
      <c r="C15" s="7"/>
      <c r="D15" s="7"/>
      <c r="E15" s="7"/>
      <c r="F15" s="7"/>
      <c r="G15" s="7"/>
    </row>
    <row r="16" spans="1:9" ht="42.95" customHeight="1" x14ac:dyDescent="0.15">
      <c r="A16" s="6">
        <v>3</v>
      </c>
      <c r="B16" s="7"/>
      <c r="C16" s="7"/>
      <c r="D16" s="7"/>
      <c r="E16" s="7"/>
      <c r="F16" s="7"/>
      <c r="G16" s="7"/>
      <c r="H16" s="10"/>
    </row>
    <row r="17" spans="1:8" ht="42.95" customHeight="1" x14ac:dyDescent="0.15">
      <c r="A17" s="6">
        <v>4</v>
      </c>
      <c r="B17" s="7"/>
      <c r="C17" s="7"/>
      <c r="D17" s="7"/>
      <c r="E17" s="7"/>
      <c r="F17" s="7"/>
      <c r="G17" s="7"/>
      <c r="H17" s="10"/>
    </row>
    <row r="18" spans="1:8" ht="42.95" customHeight="1" x14ac:dyDescent="0.15">
      <c r="A18" s="6">
        <v>5</v>
      </c>
      <c r="B18" s="7"/>
      <c r="C18" s="7"/>
      <c r="D18" s="7"/>
      <c r="E18" s="7"/>
      <c r="F18" s="7"/>
      <c r="G18" s="7"/>
    </row>
    <row r="19" spans="1:8" ht="42.95" customHeight="1" x14ac:dyDescent="0.15">
      <c r="A19" s="6">
        <v>6</v>
      </c>
      <c r="B19" s="7"/>
      <c r="C19" s="7"/>
      <c r="D19" s="7"/>
      <c r="E19" s="7"/>
      <c r="F19" s="7"/>
      <c r="G19" s="7"/>
    </row>
    <row r="20" spans="1:8" ht="42.95" customHeight="1" x14ac:dyDescent="0.15">
      <c r="A20" s="6">
        <v>7</v>
      </c>
      <c r="B20" s="7"/>
      <c r="C20" s="7"/>
      <c r="D20" s="7"/>
      <c r="E20" s="7"/>
      <c r="F20" s="7"/>
      <c r="G20" s="7"/>
    </row>
    <row r="21" spans="1:8" ht="42.95" customHeight="1" x14ac:dyDescent="0.15">
      <c r="A21" s="6">
        <v>8</v>
      </c>
      <c r="B21" s="7"/>
      <c r="C21" s="7"/>
      <c r="D21" s="7"/>
      <c r="E21" s="7"/>
      <c r="F21" s="7"/>
      <c r="G21" s="7"/>
    </row>
    <row r="22" spans="1:8" ht="42.95" customHeight="1" x14ac:dyDescent="0.15">
      <c r="A22" s="6">
        <v>9</v>
      </c>
      <c r="B22" s="7"/>
      <c r="C22" s="7"/>
      <c r="D22" s="7"/>
      <c r="E22" s="7"/>
      <c r="F22" s="7"/>
      <c r="G22" s="7"/>
    </row>
    <row r="23" spans="1:8" ht="42.95" customHeight="1" x14ac:dyDescent="0.15">
      <c r="A23" s="6">
        <v>10</v>
      </c>
      <c r="B23" s="7"/>
      <c r="C23" s="7"/>
      <c r="D23" s="7"/>
      <c r="E23" s="7"/>
      <c r="F23" s="7"/>
      <c r="G23" s="7"/>
    </row>
    <row r="24" spans="1:8" ht="42.95" customHeight="1" x14ac:dyDescent="0.15">
      <c r="A24" s="6">
        <v>11</v>
      </c>
      <c r="B24" s="7"/>
      <c r="C24" s="7"/>
      <c r="D24" s="7"/>
      <c r="E24" s="7"/>
      <c r="F24" s="7"/>
      <c r="G24" s="7"/>
    </row>
    <row r="25" spans="1:8" ht="42.95" customHeight="1" x14ac:dyDescent="0.15">
      <c r="A25" s="6">
        <v>12</v>
      </c>
      <c r="B25" s="7"/>
      <c r="C25" s="7"/>
      <c r="D25" s="7"/>
      <c r="E25" s="7"/>
      <c r="F25" s="7"/>
      <c r="G25" s="7"/>
    </row>
    <row r="26" spans="1:8" ht="42.95" customHeight="1" x14ac:dyDescent="0.15">
      <c r="A26" s="6">
        <v>13</v>
      </c>
      <c r="B26" s="7"/>
      <c r="C26" s="7"/>
      <c r="D26" s="7"/>
      <c r="E26" s="7"/>
      <c r="F26" s="7"/>
      <c r="G26" s="7"/>
    </row>
    <row r="27" spans="1:8" ht="42.95" customHeight="1" x14ac:dyDescent="0.15">
      <c r="A27" s="6">
        <v>14</v>
      </c>
      <c r="B27" s="7"/>
      <c r="C27" s="7"/>
      <c r="D27" s="7"/>
      <c r="E27" s="7"/>
      <c r="F27" s="7"/>
      <c r="G27" s="7"/>
    </row>
    <row r="28" spans="1:8" ht="42.95" customHeight="1" x14ac:dyDescent="0.15">
      <c r="A28" s="6">
        <v>15</v>
      </c>
      <c r="B28" s="7"/>
      <c r="C28" s="7"/>
      <c r="D28" s="7"/>
      <c r="E28" s="7"/>
      <c r="F28" s="7"/>
      <c r="G28" s="7"/>
    </row>
    <row r="29" spans="1:8" ht="42.95" customHeight="1" x14ac:dyDescent="0.15">
      <c r="A29" s="6">
        <v>16</v>
      </c>
      <c r="B29" s="7"/>
      <c r="C29" s="7"/>
      <c r="D29" s="7"/>
      <c r="E29" s="7"/>
      <c r="F29" s="7"/>
      <c r="G29" s="7"/>
    </row>
    <row r="30" spans="1:8" ht="42.95" customHeight="1" x14ac:dyDescent="0.15">
      <c r="A30" s="6">
        <v>17</v>
      </c>
      <c r="B30" s="7"/>
      <c r="C30" s="7"/>
      <c r="D30" s="7"/>
      <c r="E30" s="7"/>
      <c r="F30" s="7"/>
      <c r="G30" s="7"/>
    </row>
    <row r="31" spans="1:8" ht="42.95" customHeight="1" x14ac:dyDescent="0.15">
      <c r="A31" s="6">
        <v>18</v>
      </c>
      <c r="B31" s="7"/>
      <c r="C31" s="7"/>
      <c r="D31" s="7"/>
      <c r="E31" s="7"/>
      <c r="F31" s="7"/>
      <c r="G31" s="7"/>
    </row>
    <row r="32" spans="1:8" ht="42.95" customHeight="1" x14ac:dyDescent="0.15">
      <c r="A32" s="6">
        <v>19</v>
      </c>
      <c r="B32" s="7"/>
      <c r="C32" s="7"/>
      <c r="D32" s="7"/>
      <c r="E32" s="7"/>
      <c r="F32" s="7"/>
      <c r="G32" s="7"/>
    </row>
    <row r="33" spans="1:7" ht="42.95" customHeight="1" x14ac:dyDescent="0.15">
      <c r="A33" s="6">
        <v>20</v>
      </c>
      <c r="B33" s="7"/>
      <c r="C33" s="7"/>
      <c r="D33" s="7"/>
      <c r="E33" s="7"/>
      <c r="F33" s="7"/>
      <c r="G33" s="7"/>
    </row>
    <row r="34" spans="1:7" s="12" customFormat="1" ht="12.75" customHeight="1" x14ac:dyDescent="0.15">
      <c r="A34" s="11"/>
    </row>
    <row r="35" spans="1:7" s="12" customFormat="1" ht="42" customHeight="1" x14ac:dyDescent="0.15">
      <c r="A35" s="29" t="s">
        <v>33</v>
      </c>
      <c r="B35" s="30"/>
      <c r="C35" s="30"/>
      <c r="D35" s="30"/>
      <c r="E35" s="30"/>
      <c r="F35" s="30"/>
      <c r="G35" s="30"/>
    </row>
    <row r="36" spans="1:7" s="12" customFormat="1" ht="39.950000000000003" customHeight="1" x14ac:dyDescent="0.15">
      <c r="A36" s="11"/>
    </row>
    <row r="37" spans="1:7" ht="30" customHeight="1" x14ac:dyDescent="0.15"/>
    <row r="38" spans="1:7" ht="30" customHeight="1" x14ac:dyDescent="0.15"/>
    <row r="39" spans="1:7" ht="30" customHeight="1" x14ac:dyDescent="0.15"/>
    <row r="40" spans="1:7" ht="30" customHeight="1" x14ac:dyDescent="0.15"/>
    <row r="41" spans="1:7" ht="30" customHeight="1" x14ac:dyDescent="0.15"/>
    <row r="42" spans="1:7" ht="30" customHeight="1" x14ac:dyDescent="0.15"/>
    <row r="43" spans="1:7" ht="30" customHeight="1" x14ac:dyDescent="0.15"/>
    <row r="44" spans="1:7" ht="30" customHeight="1" x14ac:dyDescent="0.15"/>
    <row r="45" spans="1:7" ht="30" customHeight="1" x14ac:dyDescent="0.15"/>
    <row r="46" spans="1:7" ht="30" customHeight="1" x14ac:dyDescent="0.15"/>
    <row r="47" spans="1:7" ht="30" customHeight="1" x14ac:dyDescent="0.15"/>
  </sheetData>
  <mergeCells count="16">
    <mergeCell ref="A1:B1"/>
    <mergeCell ref="E10:E13"/>
    <mergeCell ref="F10:F13"/>
    <mergeCell ref="B8:C8"/>
    <mergeCell ref="F2:G2"/>
    <mergeCell ref="C11:C13"/>
    <mergeCell ref="A35:G35"/>
    <mergeCell ref="H6:I6"/>
    <mergeCell ref="F6:G6"/>
    <mergeCell ref="C3:C6"/>
    <mergeCell ref="E3:E6"/>
    <mergeCell ref="G10:G13"/>
    <mergeCell ref="E8:F8"/>
    <mergeCell ref="A10:A13"/>
    <mergeCell ref="B10:C10"/>
    <mergeCell ref="B11:B13"/>
  </mergeCells>
  <phoneticPr fontId="1"/>
  <dataValidations count="1">
    <dataValidation type="list" allowBlank="1" showInputMessage="1" showErrorMessage="1" sqref="D14:D33">
      <formula1>$D$11:$D$13</formula1>
    </dataValidation>
  </dataValidations>
  <pageMargins left="0.78740157480314965" right="0.39370078740157483" top="0.59055118110236227" bottom="0.59055118110236227" header="0.94488188976377963" footer="0.51181102362204722"/>
  <pageSetup paperSize="9" scale="70" orientation="portrait" verticalDpi="0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G24" sqref="G24"/>
    </sheetView>
  </sheetViews>
  <sheetFormatPr defaultRowHeight="13.5" x14ac:dyDescent="0.15"/>
  <sheetData/>
  <phoneticPr fontId="1"/>
  <pageMargins left="0.78700000000000003" right="0.78700000000000003" top="0.98399999999999999" bottom="0.98399999999999999" header="0.51200000000000001" footer="0.5120000000000000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 x14ac:dyDescent="0.15"/>
  <sheetData/>
  <phoneticPr fontId="1"/>
  <pageMargins left="0.78700000000000003" right="0.78700000000000003" top="0.98399999999999999" bottom="0.98399999999999999" header="0.51200000000000001" footer="0.5120000000000000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6</vt:i4>
      </vt:variant>
    </vt:vector>
  </HeadingPairs>
  <TitlesOfParts>
    <vt:vector size="11" baseType="lpstr">
      <vt:lpstr>様式１</vt:lpstr>
      <vt:lpstr>様式２</vt:lpstr>
      <vt:lpstr>様式３</vt:lpstr>
      <vt:lpstr>Sheet2</vt:lpstr>
      <vt:lpstr>Sheet3</vt:lpstr>
      <vt:lpstr>様式１!Print_Area</vt:lpstr>
      <vt:lpstr>様式２!Print_Area</vt:lpstr>
      <vt:lpstr>様式３!Print_Area</vt:lpstr>
      <vt:lpstr>様式１!Print_Titles</vt:lpstr>
      <vt:lpstr>様式２!Print_Titles</vt:lpstr>
      <vt:lpstr>様式３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医薬品等製造業製造品目一覧表</dc:title>
  <dc:creator>山口県健康福祉部薬務課製薬指導班</dc:creator>
  <dc:description>医薬品、医薬部外品、化粧品、医療機器の製造業許可更新申請書に添付する資料</dc:description>
  <cp:lastModifiedBy>関　章宏</cp:lastModifiedBy>
  <cp:lastPrinted>2006-03-22T02:11:42Z</cp:lastPrinted>
  <dcterms:created xsi:type="dcterms:W3CDTF">2005-11-01T09:28:48Z</dcterms:created>
  <dcterms:modified xsi:type="dcterms:W3CDTF">2024-01-11T00:22:01Z</dcterms:modified>
  <cp:category>様式</cp:category>
</cp:coreProperties>
</file>